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7.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5.xml" ContentType="application/vnd.openxmlformats-officedocument.drawingml.chart+xml"/>
  <Override PartName="/ppt/notesSlides/notesSlide9.xml" ContentType="application/vnd.openxmlformats-officedocument.presentationml.notesSl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charts/chart7.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8.xml" ContentType="application/vnd.openxmlformats-officedocument.drawingml.chart+xml"/>
  <Override PartName="/ppt/notesSlides/notesSlide12.xml" ContentType="application/vnd.openxmlformats-officedocument.presentationml.notesSlide+xml"/>
  <Override PartName="/ppt/charts/chart9.xml" ContentType="application/vnd.openxmlformats-officedocument.drawingml.chart+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charts/chart10.xml" ContentType="application/vnd.openxmlformats-officedocument.drawingml.chart+xml"/>
  <Override PartName="/ppt/drawings/drawing1.xml" ContentType="application/vnd.openxmlformats-officedocument.drawingml.chartshapes+xml"/>
  <Override PartName="/ppt/charts/chart11.xml" ContentType="application/vnd.openxmlformats-officedocument.drawingml.chart+xml"/>
  <Override PartName="/ppt/charts/chart12.xml" ContentType="application/vnd.openxmlformats-officedocument.drawingml.chart+xml"/>
  <Override PartName="/ppt/notesSlides/notesSlide15.xml" ContentType="application/vnd.openxmlformats-officedocument.presentationml.notesSlide+xml"/>
  <Override PartName="/ppt/charts/chart13.xml" ContentType="application/vnd.openxmlformats-officedocument.drawingml.chart+xml"/>
  <Override PartName="/ppt/drawings/drawing2.xml" ContentType="application/vnd.openxmlformats-officedocument.drawingml.chartshapes+xml"/>
  <Override PartName="/ppt/charts/chart14.xml" ContentType="application/vnd.openxmlformats-officedocument.drawingml.chart+xml"/>
  <Override PartName="/ppt/charts/style6.xml" ContentType="application/vnd.ms-office.chartstyle+xml"/>
  <Override PartName="/ppt/charts/colors6.xml" ContentType="application/vnd.ms-office.chartcolorstyle+xml"/>
  <Override PartName="/ppt/drawings/drawing3.xml" ContentType="application/vnd.openxmlformats-officedocument.drawingml.chartshapes+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15.xml" ContentType="application/vnd.openxmlformats-officedocument.drawingml.chart+xml"/>
  <Override PartName="/ppt/drawings/drawing4.xml" ContentType="application/vnd.openxmlformats-officedocument.drawingml.chartshapes+xml"/>
  <Override PartName="/ppt/notesSlides/notesSlide18.xml" ContentType="application/vnd.openxmlformats-officedocument.presentationml.notesSlide+xml"/>
  <Override PartName="/ppt/charts/chart16.xml" ContentType="application/vnd.openxmlformats-officedocument.drawingml.chart+xml"/>
  <Override PartName="/ppt/drawings/drawing5.xml" ContentType="application/vnd.openxmlformats-officedocument.drawingml.chartshapes+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charts/chart17.xml" ContentType="application/vnd.openxmlformats-officedocument.drawingml.chart+xml"/>
  <Override PartName="/ppt/drawings/drawing6.xml" ContentType="application/vnd.openxmlformats-officedocument.drawingml.chartshapes+xml"/>
  <Override PartName="/ppt/charts/chart18.xml" ContentType="application/vnd.openxmlformats-officedocument.drawingml.chart+xml"/>
  <Override PartName="/ppt/notesSlides/notesSlide22.xml" ContentType="application/vnd.openxmlformats-officedocument.presentationml.notesSlide+xml"/>
  <Override PartName="/ppt/charts/chart19.xml" ContentType="application/vnd.openxmlformats-officedocument.drawingml.chart+xml"/>
  <Override PartName="/ppt/notesSlides/notesSlide23.xml" ContentType="application/vnd.openxmlformats-officedocument.presentationml.notesSlide+xml"/>
  <Override PartName="/ppt/charts/chart20.xml" ContentType="application/vnd.openxmlformats-officedocument.drawingml.chart+xml"/>
  <Override PartName="/ppt/charts/chart21.xml" ContentType="application/vnd.openxmlformats-officedocument.drawingml.chart+xml"/>
  <Override PartName="/ppt/notesSlides/notesSlide24.xml" ContentType="application/vnd.openxmlformats-officedocument.presentationml.notesSlide+xml"/>
  <Override PartName="/ppt/charts/chart22.xml" ContentType="application/vnd.openxmlformats-officedocument.drawingml.chart+xml"/>
  <Override PartName="/ppt/notesSlides/notesSlide25.xml" ContentType="application/vnd.openxmlformats-officedocument.presentationml.notesSlide+xml"/>
  <Override PartName="/ppt/charts/chart23.xml" ContentType="application/vnd.openxmlformats-officedocument.drawingml.chart+xml"/>
  <Override PartName="/ppt/drawings/drawing7.xml" ContentType="application/vnd.openxmlformats-officedocument.drawingml.chartshapes+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24.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charts/chart25.xml" ContentType="application/vnd.openxmlformats-officedocument.drawingml.chart+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26.xml" ContentType="application/vnd.openxmlformats-officedocument.drawingml.chart+xml"/>
  <Override PartName="/ppt/charts/chart27.xml" ContentType="application/vnd.openxmlformats-officedocument.drawingml.chart+xml"/>
  <Override PartName="/ppt/notesSlides/notesSlide37.xml" ContentType="application/vnd.openxmlformats-officedocument.presentationml.notesSlide+xml"/>
  <Override PartName="/ppt/charts/chart28.xml" ContentType="application/vnd.openxmlformats-officedocument.drawingml.chart+xml"/>
  <Override PartName="/ppt/notesSlides/notesSlide38.xml" ContentType="application/vnd.openxmlformats-officedocument.presentationml.notesSlide+xml"/>
  <Override PartName="/ppt/charts/chart29.xml" ContentType="application/vnd.openxmlformats-officedocument.drawingml.chart+xml"/>
  <Override PartName="/ppt/drawings/drawing8.xml" ContentType="application/vnd.openxmlformats-officedocument.drawingml.chartshapes+xml"/>
  <Override PartName="/ppt/notesSlides/notesSlide39.xml" ContentType="application/vnd.openxmlformats-officedocument.presentationml.notesSlide+xml"/>
  <Override PartName="/ppt/charts/chart30.xml" ContentType="application/vnd.openxmlformats-officedocument.drawingml.chart+xml"/>
  <Override PartName="/ppt/charts/chart31.xml" ContentType="application/vnd.openxmlformats-officedocument.drawingml.chart+xml"/>
  <Override PartName="/ppt/notesSlides/notesSlide40.xml" ContentType="application/vnd.openxmlformats-officedocument.presentationml.notesSlide+xml"/>
  <Override PartName="/ppt/charts/chart32.xml" ContentType="application/vnd.openxmlformats-officedocument.drawingml.chart+xml"/>
  <Override PartName="/ppt/notesSlides/notesSlide41.xml" ContentType="application/vnd.openxmlformats-officedocument.presentationml.notesSlide+xml"/>
  <Override PartName="/ppt/charts/chart33.xml" ContentType="application/vnd.openxmlformats-officedocument.drawingml.chart+xml"/>
  <Override PartName="/ppt/notesSlides/notesSlide42.xml" ContentType="application/vnd.openxmlformats-officedocument.presentationml.notesSlide+xml"/>
  <Override PartName="/ppt/charts/chart34.xml" ContentType="application/vnd.openxmlformats-officedocument.drawingml.chart+xml"/>
  <Override PartName="/ppt/notesSlides/notesSlide43.xml" ContentType="application/vnd.openxmlformats-officedocument.presentationml.notesSlide+xml"/>
  <Override PartName="/ppt/charts/chart35.xml" ContentType="application/vnd.openxmlformats-officedocument.drawingml.chart+xml"/>
  <Override PartName="/ppt/notesSlides/notesSlide44.xml" ContentType="application/vnd.openxmlformats-officedocument.presentationml.notesSlide+xml"/>
  <Override PartName="/ppt/charts/chart36.xml" ContentType="application/vnd.openxmlformats-officedocument.drawingml.chart+xml"/>
  <Override PartName="/ppt/drawings/drawing9.xml" ContentType="application/vnd.openxmlformats-officedocument.drawingml.chartshapes+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charts/chart37.xml" ContentType="application/vnd.openxmlformats-officedocument.drawingml.chart+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charts/chart38.xml" ContentType="application/vnd.openxmlformats-officedocument.drawingml.chart+xml"/>
  <Override PartName="/ppt/drawings/drawing10.xml" ContentType="application/vnd.openxmlformats-officedocument.drawingml.chartshapes+xml"/>
  <Override PartName="/ppt/charts/chart39.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50.xml" ContentType="application/vnd.openxmlformats-officedocument.presentationml.notesSlide+xml"/>
  <Override PartName="/ppt/charts/chart40.xml" ContentType="application/vnd.openxmlformats-officedocument.drawingml.chart+xml"/>
  <Override PartName="/ppt/notesSlides/notesSlide51.xml" ContentType="application/vnd.openxmlformats-officedocument.presentationml.notesSlide+xml"/>
  <Override PartName="/ppt/charts/chart41.xml" ContentType="application/vnd.openxmlformats-officedocument.drawingml.chart+xml"/>
  <Override PartName="/ppt/drawings/drawing11.xml" ContentType="application/vnd.openxmlformats-officedocument.drawingml.chartshapes+xml"/>
  <Override PartName="/ppt/notesSlides/notesSlide52.xml" ContentType="application/vnd.openxmlformats-officedocument.presentationml.notesSlide+xml"/>
  <Override PartName="/ppt/charts/chart42.xml" ContentType="application/vnd.openxmlformats-officedocument.drawingml.chart+xml"/>
  <Override PartName="/ppt/drawings/drawing12.xml" ContentType="application/vnd.openxmlformats-officedocument.drawingml.chartshapes+xml"/>
  <Override PartName="/ppt/charts/chart43.xml" ContentType="application/vnd.openxmlformats-officedocument.drawingml.chart+xml"/>
  <Override PartName="/ppt/charts/chart44.xml" ContentType="application/vnd.openxmlformats-officedocument.drawingml.chart+xml"/>
  <Override PartName="/ppt/notesSlides/notesSlide53.xml" ContentType="application/vnd.openxmlformats-officedocument.presentationml.notesSlide+xml"/>
  <Override PartName="/ppt/charts/chart45.xml" ContentType="application/vnd.openxmlformats-officedocument.drawingml.chart+xml"/>
  <Override PartName="/ppt/charts/chart46.xml" ContentType="application/vnd.openxmlformats-officedocument.drawingml.chart+xml"/>
  <Override PartName="/ppt/notesSlides/notesSlide54.xml" ContentType="application/vnd.openxmlformats-officedocument.presentationml.notesSlide+xml"/>
  <Override PartName="/ppt/charts/chart47.xml" ContentType="application/vnd.openxmlformats-officedocument.drawingml.chart+xml"/>
  <Override PartName="/ppt/charts/chart48.xml" ContentType="application/vnd.openxmlformats-officedocument.drawingml.chart+xml"/>
  <Override PartName="/ppt/charts/chart49.xml" ContentType="application/vnd.openxmlformats-officedocument.drawingml.chart+xml"/>
  <Override PartName="/ppt/charts/chart50.xml" ContentType="application/vnd.openxmlformats-officedocument.drawingml.chart+xml"/>
  <Override PartName="/ppt/charts/chart51.xml" ContentType="application/vnd.openxmlformats-officedocument.drawingml.chart+xml"/>
  <Override PartName="/ppt/charts/chart52.xml" ContentType="application/vnd.openxmlformats-officedocument.drawingml.chart+xml"/>
  <Override PartName="/ppt/charts/chart53.xml" ContentType="application/vnd.openxmlformats-officedocument.drawingml.chart+xml"/>
  <Override PartName="/ppt/charts/chart54.xml" ContentType="application/vnd.openxmlformats-officedocument.drawingml.chart+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charts/chart55.xml" ContentType="application/vnd.openxmlformats-officedocument.drawingml.chart+xml"/>
  <Override PartName="/ppt/charts/chart56.xml" ContentType="application/vnd.openxmlformats-officedocument.drawingml.chart+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charts/chart57.xml" ContentType="application/vnd.openxmlformats-officedocument.drawingml.chart+xml"/>
  <Override PartName="/ppt/charts/chart58.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71.xml" ContentType="application/vnd.openxmlformats-officedocument.presentationml.notesSlide+xml"/>
  <Override PartName="/ppt/charts/chart59.xml" ContentType="application/vnd.openxmlformats-officedocument.drawingml.chart+xml"/>
  <Override PartName="/ppt/charts/style9.xml" ContentType="application/vnd.ms-office.chartstyle+xml"/>
  <Override PartName="/ppt/charts/colors9.xml" ContentType="application/vnd.ms-office.chartcolorstyle+xml"/>
  <Override PartName="/ppt/charts/chart6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61.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62.xml" ContentType="application/vnd.openxmlformats-officedocument.drawingml.chart+xml"/>
  <Override PartName="/ppt/drawings/drawing13.xml" ContentType="application/vnd.openxmlformats-officedocument.drawingml.chartshapes+xml"/>
  <Override PartName="/ppt/notesSlides/notesSlide75.xml" ContentType="application/vnd.openxmlformats-officedocument.presentationml.notesSlide+xml"/>
  <Override PartName="/ppt/charts/chart63.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76.xml" ContentType="application/vnd.openxmlformats-officedocument.presentationml.notesSlide+xml"/>
  <Override PartName="/ppt/charts/chart64.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1.xml" ContentType="application/vnd.openxmlformats-officedocument.themeOverride+xml"/>
  <Override PartName="/ppt/notesSlides/notesSlide77.xml" ContentType="application/vnd.openxmlformats-officedocument.presentationml.notesSlide+xml"/>
  <Override PartName="/ppt/charts/chart65.xml" ContentType="application/vnd.openxmlformats-officedocument.drawingml.chart+xml"/>
  <Override PartName="/ppt/theme/themeOverride2.xml" ContentType="application/vnd.openxmlformats-officedocument.themeOverr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charts/chart66.xml" ContentType="application/vnd.openxmlformats-officedocument.drawingml.chart+xml"/>
  <Override PartName="/ppt/charts/chart67.xml" ContentType="application/vnd.openxmlformats-officedocument.drawingml.chart+xml"/>
  <Override PartName="/ppt/charts/chart68.xml" ContentType="application/vnd.openxmlformats-officedocument.drawingml.chart+xml"/>
  <Override PartName="/ppt/charts/chart69.xml" ContentType="application/vnd.openxmlformats-officedocument.drawingml.chart+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charts/chart70.xml" ContentType="application/vnd.openxmlformats-officedocument.drawingml.chart+xml"/>
  <Override PartName="/ppt/charts/chart71.xml" ContentType="application/vnd.openxmlformats-officedocument.drawingml.chart+xml"/>
  <Override PartName="/ppt/notesSlides/notesSlide83.xml" ContentType="application/vnd.openxmlformats-officedocument.presentationml.notesSlide+xml"/>
  <Override PartName="/ppt/charts/chart72.xml" ContentType="application/vnd.openxmlformats-officedocument.drawingml.chart+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charts/chart73.xml" ContentType="application/vnd.openxmlformats-officedocument.drawingml.chart+xml"/>
  <Override PartName="/ppt/notesSlides/notesSlide86.xml" ContentType="application/vnd.openxmlformats-officedocument.presentationml.notesSlide+xml"/>
  <Override PartName="/ppt/charts/chart74.xml" ContentType="application/vnd.openxmlformats-officedocument.drawingml.chart+xml"/>
  <Override PartName="/ppt/charts/chart75.xml" ContentType="application/vnd.openxmlformats-officedocument.drawingml.chart+xml"/>
  <Override PartName="/ppt/notesSlides/notesSlide87.xml" ContentType="application/vnd.openxmlformats-officedocument.presentationml.notesSlide+xml"/>
  <Override PartName="/ppt/charts/chart76.xml" ContentType="application/vnd.openxmlformats-officedocument.drawingml.chart+xml"/>
  <Override PartName="/ppt/drawings/drawing14.xml" ContentType="application/vnd.openxmlformats-officedocument.drawingml.chartshapes+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charts/chart77.xml" ContentType="application/vnd.openxmlformats-officedocument.drawingml.chart+xml"/>
  <Override PartName="/ppt/charts/style14.xml" ContentType="application/vnd.ms-office.chartstyle+xml"/>
  <Override PartName="/ppt/charts/colors14.xml" ContentType="application/vnd.ms-office.chartcolorstyle+xml"/>
  <Override PartName="/ppt/theme/themeOverride3.xml" ContentType="application/vnd.openxmlformats-officedocument.themeOverride+xml"/>
  <Override PartName="/ppt/notesSlides/notesSlide90.xml" ContentType="application/vnd.openxmlformats-officedocument.presentationml.notesSlide+xml"/>
  <Override PartName="/ppt/charts/chart78.xml" ContentType="application/vnd.openxmlformats-officedocument.drawingml.chart+xml"/>
  <Override PartName="/ppt/notesSlides/notesSlide91.xml" ContentType="application/vnd.openxmlformats-officedocument.presentationml.notesSlide+xml"/>
  <Override PartName="/ppt/charts/chart79.xml" ContentType="application/vnd.openxmlformats-officedocument.drawingml.chart+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charts/chart80.xml" ContentType="application/vnd.openxmlformats-officedocument.drawingml.chart+xml"/>
  <Override PartName="/ppt/notesSlides/notesSlide98.xml" ContentType="application/vnd.openxmlformats-officedocument.presentationml.notesSlide+xml"/>
  <Override PartName="/ppt/charts/chart81.xml" ContentType="application/vnd.openxmlformats-officedocument.drawingml.chart+xml"/>
  <Override PartName="/ppt/charts/chart82.xml" ContentType="application/vnd.openxmlformats-officedocument.drawingml.chart+xml"/>
  <Override PartName="/ppt/notesSlides/notesSlide99.xml" ContentType="application/vnd.openxmlformats-officedocument.presentationml.notesSlide+xml"/>
  <Override PartName="/ppt/charts/chart83.xml" ContentType="application/vnd.openxmlformats-officedocument.drawingml.chart+xml"/>
  <Override PartName="/ppt/charts/style15.xml" ContentType="application/vnd.ms-office.chartstyle+xml"/>
  <Override PartName="/ppt/charts/colors15.xml" ContentType="application/vnd.ms-office.chartcolorstyle+xml"/>
  <Override PartName="/ppt/notesSlides/notesSlide100.xml" ContentType="application/vnd.openxmlformats-officedocument.presentationml.notesSlide+xml"/>
  <Override PartName="/ppt/charts/chart84.xml" ContentType="application/vnd.openxmlformats-officedocument.drawingml.chart+xml"/>
  <Override PartName="/ppt/notesSlides/notesSlide101.xml" ContentType="application/vnd.openxmlformats-officedocument.presentationml.notesSlide+xml"/>
  <Override PartName="/ppt/charts/chart85.xml" ContentType="application/vnd.openxmlformats-officedocument.drawingml.chart+xml"/>
  <Override PartName="/ppt/charts/style16.xml" ContentType="application/vnd.ms-office.chartstyle+xml"/>
  <Override PartName="/ppt/charts/colors16.xml" ContentType="application/vnd.ms-office.chartcolorstyle+xml"/>
  <Override PartName="/ppt/notesSlides/notesSlide102.xml" ContentType="application/vnd.openxmlformats-officedocument.presentationml.notesSlide+xml"/>
  <Override PartName="/ppt/charts/chart86.xml" ContentType="application/vnd.openxmlformats-officedocument.drawingml.chart+xml"/>
  <Override PartName="/ppt/notesSlides/notesSlide103.xml" ContentType="application/vnd.openxmlformats-officedocument.presentationml.notesSlide+xml"/>
  <Override PartName="/ppt/charts/chart87.xml" ContentType="application/vnd.openxmlformats-officedocument.drawingml.chart+xml"/>
  <Override PartName="/ppt/charts/chart88.xml" ContentType="application/vnd.openxmlformats-officedocument.drawingml.chart+xml"/>
  <Override PartName="/ppt/charts/style17.xml" ContentType="application/vnd.ms-office.chartstyle+xml"/>
  <Override PartName="/ppt/charts/colors17.xml" ContentType="application/vnd.ms-office.chartcolorstyle+xml"/>
  <Override PartName="/ppt/notesSlides/notesSlide104.xml" ContentType="application/vnd.openxmlformats-officedocument.presentationml.notesSlide+xml"/>
  <Override PartName="/ppt/charts/chart89.xml" ContentType="application/vnd.openxmlformats-officedocument.drawingml.chart+xml"/>
  <Override PartName="/ppt/charts/chart90.xml" ContentType="application/vnd.openxmlformats-officedocument.drawingml.chart+xml"/>
  <Override PartName="/ppt/charts/style18.xml" ContentType="application/vnd.ms-office.chartstyle+xml"/>
  <Override PartName="/ppt/charts/colors18.xml" ContentType="application/vnd.ms-office.chartcolorstyle+xml"/>
  <Override PartName="/ppt/notesSlides/notesSlide105.xml" ContentType="application/vnd.openxmlformats-officedocument.presentationml.notesSlide+xml"/>
  <Override PartName="/ppt/charts/chart91.xml" ContentType="application/vnd.openxmlformats-officedocument.drawingml.chart+xml"/>
  <Override PartName="/ppt/charts/style19.xml" ContentType="application/vnd.ms-office.chartstyle+xml"/>
  <Override PartName="/ppt/charts/colors19.xml" ContentType="application/vnd.ms-office.chartcolorstyle+xml"/>
  <Override PartName="/ppt/charts/chart92.xml" ContentType="application/vnd.openxmlformats-officedocument.drawingml.chart+xml"/>
  <Override PartName="/ppt/notesSlides/notesSlide106.xml" ContentType="application/vnd.openxmlformats-officedocument.presentationml.notesSlide+xml"/>
  <Override PartName="/ppt/charts/chart93.xml" ContentType="application/vnd.openxmlformats-officedocument.drawingml.chart+xml"/>
  <Override PartName="/ppt/charts/style20.xml" ContentType="application/vnd.ms-office.chartstyle+xml"/>
  <Override PartName="/ppt/charts/colors20.xml" ContentType="application/vnd.ms-office.chartcolorstyle+xml"/>
  <Override PartName="/ppt/theme/themeOverride4.xml" ContentType="application/vnd.openxmlformats-officedocument.themeOverride+xml"/>
  <Override PartName="/ppt/drawings/drawing15.xml" ContentType="application/vnd.openxmlformats-officedocument.drawingml.chartshapes+xml"/>
  <Override PartName="/ppt/notesSlides/notesSlide107.xml" ContentType="application/vnd.openxmlformats-officedocument.presentationml.notesSlide+xml"/>
  <Override PartName="/ppt/charts/chart94.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108.xml" ContentType="application/vnd.openxmlformats-officedocument.presentationml.notesSlide+xml"/>
  <Override PartName="/ppt/charts/chart95.xml" ContentType="application/vnd.openxmlformats-officedocument.drawingml.chart+xml"/>
  <Override PartName="/ppt/charts/style22.xml" ContentType="application/vnd.ms-office.chartstyle+xml"/>
  <Override PartName="/ppt/charts/colors22.xml" ContentType="application/vnd.ms-office.chartcolorstyle+xml"/>
  <Override PartName="/ppt/drawings/drawing16.xml" ContentType="application/vnd.openxmlformats-officedocument.drawingml.chartshapes+xml"/>
  <Override PartName="/ppt/notesSlides/notesSlide109.xml" ContentType="application/vnd.openxmlformats-officedocument.presentationml.notesSlide+xml"/>
  <Override PartName="/ppt/charts/chart96.xml" ContentType="application/vnd.openxmlformats-officedocument.drawingml.chart+xml"/>
  <Override PartName="/ppt/charts/style23.xml" ContentType="application/vnd.ms-office.chartstyle+xml"/>
  <Override PartName="/ppt/charts/colors23.xml" ContentType="application/vnd.ms-office.chartcolorstyle+xml"/>
  <Override PartName="/ppt/notesSlides/notesSlide110.xml" ContentType="application/vnd.openxmlformats-officedocument.presentationml.notesSlide+xml"/>
  <Override PartName="/ppt/charts/chart97.xml" ContentType="application/vnd.openxmlformats-officedocument.drawingml.chart+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charts/chart98.xml" ContentType="application/vnd.openxmlformats-officedocument.drawingml.chart+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charts/chart99.xml" ContentType="application/vnd.openxmlformats-officedocument.drawingml.chart+xml"/>
  <Override PartName="/ppt/charts/style24.xml" ContentType="application/vnd.ms-office.chartstyle+xml"/>
  <Override PartName="/ppt/charts/colors24.xml" ContentType="application/vnd.ms-office.chartcolorstyl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charts/chart100.xml" ContentType="application/vnd.openxmlformats-officedocument.drawingml.chart+xml"/>
  <Override PartName="/ppt/notesSlides/notesSlide131.xml" ContentType="application/vnd.openxmlformats-officedocument.presentationml.notesSlide+xml"/>
  <Override PartName="/ppt/notesSlides/notesSlide1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Lst>
  <p:notesMasterIdLst>
    <p:notesMasterId r:id="rId153"/>
  </p:notesMasterIdLst>
  <p:handoutMasterIdLst>
    <p:handoutMasterId r:id="rId154"/>
  </p:handoutMasterIdLst>
  <p:sldIdLst>
    <p:sldId id="1145" r:id="rId2"/>
    <p:sldId id="1051" r:id="rId3"/>
    <p:sldId id="1299" r:id="rId4"/>
    <p:sldId id="1461" r:id="rId5"/>
    <p:sldId id="1155" r:id="rId6"/>
    <p:sldId id="1301" r:id="rId7"/>
    <p:sldId id="1398" r:id="rId8"/>
    <p:sldId id="1261" r:id="rId9"/>
    <p:sldId id="1262" r:id="rId10"/>
    <p:sldId id="1450" r:id="rId11"/>
    <p:sldId id="1278" r:id="rId12"/>
    <p:sldId id="1451" r:id="rId13"/>
    <p:sldId id="1302" r:id="rId14"/>
    <p:sldId id="1263" r:id="rId15"/>
    <p:sldId id="1264" r:id="rId16"/>
    <p:sldId id="1303" r:id="rId17"/>
    <p:sldId id="1268" r:id="rId18"/>
    <p:sldId id="1323" r:id="rId19"/>
    <p:sldId id="1304" r:id="rId20"/>
    <p:sldId id="1288" r:id="rId21"/>
    <p:sldId id="1289" r:id="rId22"/>
    <p:sldId id="1157" r:id="rId23"/>
    <p:sldId id="1462" r:id="rId24"/>
    <p:sldId id="1521" r:id="rId25"/>
    <p:sldId id="1269" r:id="rId26"/>
    <p:sldId id="1270" r:id="rId27"/>
    <p:sldId id="1523" r:id="rId28"/>
    <p:sldId id="1384" r:id="rId29"/>
    <p:sldId id="1200" r:id="rId30"/>
    <p:sldId id="1271" r:id="rId31"/>
    <p:sldId id="1280" r:id="rId32"/>
    <p:sldId id="1456" r:id="rId33"/>
    <p:sldId id="1391" r:id="rId34"/>
    <p:sldId id="1017" r:id="rId35"/>
    <p:sldId id="1665" r:id="rId36"/>
    <p:sldId id="1666" r:id="rId37"/>
    <p:sldId id="1652" r:id="rId38"/>
    <p:sldId id="1365" r:id="rId39"/>
    <p:sldId id="1027" r:id="rId40"/>
    <p:sldId id="1644" r:id="rId41"/>
    <p:sldId id="1524" r:id="rId42"/>
    <p:sldId id="1525" r:id="rId43"/>
    <p:sldId id="1526" r:id="rId44"/>
    <p:sldId id="1527" r:id="rId45"/>
    <p:sldId id="1528" r:id="rId46"/>
    <p:sldId id="1529" r:id="rId47"/>
    <p:sldId id="1530" r:id="rId48"/>
    <p:sldId id="1531" r:id="rId49"/>
    <p:sldId id="1532" r:id="rId50"/>
    <p:sldId id="1653" r:id="rId51"/>
    <p:sldId id="1534" r:id="rId52"/>
    <p:sldId id="1535" r:id="rId53"/>
    <p:sldId id="1536" r:id="rId54"/>
    <p:sldId id="1537" r:id="rId55"/>
    <p:sldId id="1651" r:id="rId56"/>
    <p:sldId id="1667" r:id="rId57"/>
    <p:sldId id="1540" r:id="rId58"/>
    <p:sldId id="1541" r:id="rId59"/>
    <p:sldId id="1542" r:id="rId60"/>
    <p:sldId id="1646" r:id="rId61"/>
    <p:sldId id="1544" r:id="rId62"/>
    <p:sldId id="1647" r:id="rId63"/>
    <p:sldId id="1546" r:id="rId64"/>
    <p:sldId id="1547" r:id="rId65"/>
    <p:sldId id="1675" r:id="rId66"/>
    <p:sldId id="1549" r:id="rId67"/>
    <p:sldId id="1550" r:id="rId68"/>
    <p:sldId id="1654" r:id="rId69"/>
    <p:sldId id="1552" r:id="rId70"/>
    <p:sldId id="1648" r:id="rId71"/>
    <p:sldId id="1554" r:id="rId72"/>
    <p:sldId id="1555" r:id="rId73"/>
    <p:sldId id="1556" r:id="rId74"/>
    <p:sldId id="1557" r:id="rId75"/>
    <p:sldId id="1558" r:id="rId76"/>
    <p:sldId id="1559" r:id="rId77"/>
    <p:sldId id="1560" r:id="rId78"/>
    <p:sldId id="1655" r:id="rId79"/>
    <p:sldId id="1656" r:id="rId80"/>
    <p:sldId id="1563" r:id="rId81"/>
    <p:sldId id="1564" r:id="rId82"/>
    <p:sldId id="1657" r:id="rId83"/>
    <p:sldId id="1566" r:id="rId84"/>
    <p:sldId id="1658" r:id="rId85"/>
    <p:sldId id="1659" r:id="rId86"/>
    <p:sldId id="1636" r:id="rId87"/>
    <p:sldId id="1660" r:id="rId88"/>
    <p:sldId id="1571" r:id="rId89"/>
    <p:sldId id="1661" r:id="rId90"/>
    <p:sldId id="1573" r:id="rId91"/>
    <p:sldId id="1574" r:id="rId92"/>
    <p:sldId id="1575" r:id="rId93"/>
    <p:sldId id="1576" r:id="rId94"/>
    <p:sldId id="1662" r:id="rId95"/>
    <p:sldId id="1663" r:id="rId96"/>
    <p:sldId id="1579" r:id="rId97"/>
    <p:sldId id="1664" r:id="rId98"/>
    <p:sldId id="1581" r:id="rId99"/>
    <p:sldId id="1582" r:id="rId100"/>
    <p:sldId id="1583" r:id="rId101"/>
    <p:sldId id="1584" r:id="rId102"/>
    <p:sldId id="1585" r:id="rId103"/>
    <p:sldId id="1586" r:id="rId104"/>
    <p:sldId id="1587" r:id="rId105"/>
    <p:sldId id="1588" r:id="rId106"/>
    <p:sldId id="1589" r:id="rId107"/>
    <p:sldId id="1590" r:id="rId108"/>
    <p:sldId id="1591" r:id="rId109"/>
    <p:sldId id="1592" r:id="rId110"/>
    <p:sldId id="1593" r:id="rId111"/>
    <p:sldId id="1594" r:id="rId112"/>
    <p:sldId id="1674" r:id="rId113"/>
    <p:sldId id="1596" r:id="rId114"/>
    <p:sldId id="1638" r:id="rId115"/>
    <p:sldId id="1598" r:id="rId116"/>
    <p:sldId id="1599" r:id="rId117"/>
    <p:sldId id="1600" r:id="rId118"/>
    <p:sldId id="1601" r:id="rId119"/>
    <p:sldId id="1602" r:id="rId120"/>
    <p:sldId id="1603" r:id="rId121"/>
    <p:sldId id="1604" r:id="rId122"/>
    <p:sldId id="1649" r:id="rId123"/>
    <p:sldId id="1606" r:id="rId124"/>
    <p:sldId id="1607" r:id="rId125"/>
    <p:sldId id="1608" r:id="rId126"/>
    <p:sldId id="1609" r:id="rId127"/>
    <p:sldId id="1610" r:id="rId128"/>
    <p:sldId id="1639" r:id="rId129"/>
    <p:sldId id="1612" r:id="rId130"/>
    <p:sldId id="1673" r:id="rId131"/>
    <p:sldId id="1614" r:id="rId132"/>
    <p:sldId id="1672" r:id="rId133"/>
    <p:sldId id="1616" r:id="rId134"/>
    <p:sldId id="1617" r:id="rId135"/>
    <p:sldId id="1618" r:id="rId136"/>
    <p:sldId id="1619" r:id="rId137"/>
    <p:sldId id="1676" r:id="rId138"/>
    <p:sldId id="1668" r:id="rId139"/>
    <p:sldId id="1669" r:id="rId140"/>
    <p:sldId id="1670" r:id="rId141"/>
    <p:sldId id="1640" r:id="rId142"/>
    <p:sldId id="1641" r:id="rId143"/>
    <p:sldId id="1626" r:id="rId144"/>
    <p:sldId id="1671" r:id="rId145"/>
    <p:sldId id="1628" r:id="rId146"/>
    <p:sldId id="1642" r:id="rId147"/>
    <p:sldId id="1630" r:id="rId148"/>
    <p:sldId id="1631" r:id="rId149"/>
    <p:sldId id="1632" r:id="rId150"/>
    <p:sldId id="1650" r:id="rId151"/>
    <p:sldId id="1645" r:id="rId15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p15:clr>
            <a:srgbClr val="A4A3A4"/>
          </p15:clr>
        </p15:guide>
        <p15:guide id="2" pos="2144">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11"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70A97"/>
    <a:srgbClr val="0078D2"/>
    <a:srgbClr val="F68222"/>
    <a:srgbClr val="4D4D4D"/>
    <a:srgbClr val="333333"/>
    <a:srgbClr val="DBEEF4"/>
    <a:srgbClr val="C96009"/>
    <a:srgbClr val="FFFD73"/>
    <a:srgbClr val="884106"/>
    <a:srgbClr val="CC66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286" autoAdjust="0"/>
    <p:restoredTop sz="99823" autoAdjust="0"/>
  </p:normalViewPr>
  <p:slideViewPr>
    <p:cSldViewPr>
      <p:cViewPr varScale="1">
        <p:scale>
          <a:sx n="74" d="100"/>
          <a:sy n="74" d="100"/>
        </p:scale>
        <p:origin x="1320"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59" Type="http://schemas.openxmlformats.org/officeDocument/2006/relationships/tableStyles" Target="tableStyles.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slide" Target="slides/slide148.xml"/><Relationship Id="rId5" Type="http://schemas.openxmlformats.org/officeDocument/2006/relationships/slide" Target="slides/slide4.xml"/><Relationship Id="rId95" Type="http://schemas.openxmlformats.org/officeDocument/2006/relationships/slide" Target="slides/slide94.xml"/><Relationship Id="rId22" Type="http://schemas.openxmlformats.org/officeDocument/2006/relationships/slide" Target="slides/slide21.xml"/><Relationship Id="rId43" Type="http://schemas.openxmlformats.org/officeDocument/2006/relationships/slide" Target="slides/slide42.xml"/><Relationship Id="rId64" Type="http://schemas.openxmlformats.org/officeDocument/2006/relationships/slide" Target="slides/slide63.xml"/><Relationship Id="rId118" Type="http://schemas.openxmlformats.org/officeDocument/2006/relationships/slide" Target="slides/slide117.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50" Type="http://schemas.openxmlformats.org/officeDocument/2006/relationships/slide" Target="slides/slide149.xml"/><Relationship Id="rId155" Type="http://schemas.openxmlformats.org/officeDocument/2006/relationships/commentAuthors" Target="commentAuthors.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51" Type="http://schemas.openxmlformats.org/officeDocument/2006/relationships/slide" Target="slides/slide150.xml"/><Relationship Id="rId156" Type="http://schemas.openxmlformats.org/officeDocument/2006/relationships/presProps" Target="presProps.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viewProps" Target="viewProps.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theme" Target="theme/theme1.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notesMaster" Target="notesMasters/notesMaster1.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slide" Target="slides/slide142.xml"/><Relationship Id="rId148" Type="http://schemas.openxmlformats.org/officeDocument/2006/relationships/slide" Target="slides/slide147.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54" Type="http://schemas.openxmlformats.org/officeDocument/2006/relationships/handoutMaster" Target="handoutMasters/handoutMaster1.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slide" Target="slides/slide143.xml"/><Relationship Id="rId90" Type="http://schemas.openxmlformats.org/officeDocument/2006/relationships/slide" Target="slides/slide89.xml"/><Relationship Id="rId27" Type="http://schemas.openxmlformats.org/officeDocument/2006/relationships/slide" Target="slides/slide26.xml"/><Relationship Id="rId48" Type="http://schemas.openxmlformats.org/officeDocument/2006/relationships/slide" Target="slides/slide47.xml"/><Relationship Id="rId69" Type="http://schemas.openxmlformats.org/officeDocument/2006/relationships/slide" Target="slides/slide68.xml"/><Relationship Id="rId113" Type="http://schemas.openxmlformats.org/officeDocument/2006/relationships/slide" Target="slides/slide112.xml"/><Relationship Id="rId134" Type="http://schemas.openxmlformats.org/officeDocument/2006/relationships/slide" Target="slides/slide133.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9.xlsx"/></Relationships>
</file>

<file path=ppt/charts/_rels/chart10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6;&#12288;&#37117;&#24066;&#20877;&#29983;\05.&#29872;&#22659;&#38306;&#36899;\&#65308;&#65360;148&#65310;&#19968;&#20154;&#24403;&#12383;&#12426;&#20844;&#22290;&#38754;&#31309;.xlsx" TargetMode="External"/></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______10.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______11.xlsx"/></Relationships>
</file>

<file path=ppt/charts/_rels/chart13.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package" Target="../embeddings/Microsoft_Excel_______12.xlsx"/></Relationships>
</file>

<file path=ppt/charts/_rels/chart14.xml.rels><?xml version="1.0" encoding="UTF-8" standalone="yes"?>
<Relationships xmlns="http://schemas.openxmlformats.org/package/2006/relationships"><Relationship Id="rId3" Type="http://schemas.openxmlformats.org/officeDocument/2006/relationships/package" Target="../embeddings/Microsoft_Excel_______13.xlsx"/><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chartUserShapes" Target="../drawings/drawing3.xml"/></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______14.xlsx"/></Relationships>
</file>

<file path=ppt/charts/_rels/chart16.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______15.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______16.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______17.xlsx"/></Relationships>
</file>

<file path=ppt/charts/_rels/chart19.xml.rels><?xml version="1.0" encoding="UTF-8" standalone="yes"?>
<Relationships xmlns="http://schemas.openxmlformats.org/package/2006/relationships"><Relationship Id="rId1" Type="http://schemas.openxmlformats.org/officeDocument/2006/relationships/package" Target="../embeddings/Microsoft_Excel_______18.xlsx"/></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______19.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______20.xlsx"/></Relationships>
</file>

<file path=ppt/charts/_rels/chart22.xml.rels><?xml version="1.0" encoding="UTF-8" standalone="yes"?>
<Relationships xmlns="http://schemas.openxmlformats.org/package/2006/relationships"><Relationship Id="rId1" Type="http://schemas.openxmlformats.org/officeDocument/2006/relationships/package" Target="../embeddings/Microsoft_Excel_______21.xlsx"/></Relationships>
</file>

<file path=ppt/charts/_rels/chart23.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______22.xlsx"/></Relationships>
</file>

<file path=ppt/charts/_rels/chart24.xml.rels><?xml version="1.0" encoding="UTF-8" standalone="yes"?>
<Relationships xmlns="http://schemas.openxmlformats.org/package/2006/relationships"><Relationship Id="rId1" Type="http://schemas.openxmlformats.org/officeDocument/2006/relationships/package" Target="../embeddings/Microsoft_Excel_______23.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______24.xlsx"/></Relationships>
</file>

<file path=ppt/charts/_rels/chart26.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5&#65310;&#24615;&#21029;&#12289;&#26032;&#35215;&#27714;&#32887;&#30003;&#36796;&#29366;&#27841;.xlsx" TargetMode="External"/></Relationships>
</file>

<file path=ppt/charts/_rels/chart27.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5&#65310;&#24615;&#21029;&#12289;&#26032;&#35215;&#27714;&#32887;&#30003;&#36796;&#29366;&#27841;.xlsx" TargetMode="External"/></Relationships>
</file>

<file path=ppt/charts/_rels/chart28.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6-48&#65310;&#39640;&#40802;&#32773;&#38599;&#29992;.xlsx" TargetMode="External"/></Relationships>
</file>

<file path=ppt/charts/_rels/chart29.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6-48&#65310;&#39640;&#40802;&#32773;&#38599;&#29992;.xlsx" TargetMode="External"/></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6-48&#65310;&#39640;&#40802;&#32773;&#38599;&#29992;.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6-48&#65310;&#39640;&#40802;&#32773;&#38599;&#29992;.xlsx" TargetMode="External"/></Relationships>
</file>

<file path=ppt/charts/_rels/chart3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9-50&#65310;&#38556;&#12364;&#12356;&#32773;&#38599;&#29992;.xlsx" TargetMode="External"/></Relationships>
</file>

<file path=ppt/charts/_rels/chart33.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1.&#22899;&#24615;&#12539;&#39640;&#40802;&#32773;&#12539;&#38556;&#12364;&#12356;&#32773;&#38599;&#29992;&#38306;&#36899;\&#65308;&#65360;49-50&#65310;&#38556;&#12364;&#12356;&#32773;&#38599;&#29992;.xlsx" TargetMode="External"/></Relationships>
</file>

<file path=ppt/charts/_rels/chart34.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2.&#23601;&#26989;&#29366;&#27841;&#38306;&#36899;\&#65308;&#65360;51&#65310;&#23601;&#26989;&#29575;&#12398;&#25512;&#31227;.xlsx" TargetMode="External"/></Relationships>
</file>

<file path=ppt/charts/_rels/chart35.xml.rels><?xml version="1.0" encoding="UTF-8" standalone="yes"?>
<Relationships xmlns="http://schemas.openxmlformats.org/package/2006/relationships"><Relationship Id="rId1" Type="http://schemas.openxmlformats.org/officeDocument/2006/relationships/package" Target="../embeddings/Microsoft_Excel_______25.xlsx"/></Relationships>
</file>

<file path=ppt/charts/_rels/chart36.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package" Target="../embeddings/Microsoft_Excel_______26.xlsx"/></Relationships>
</file>

<file path=ppt/charts/_rels/chart37.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3.&#12464;&#12525;&#12540;&#12496;&#12523;&#38306;&#36899;\&#65308;&#65360;56&#65310;&#21463;&#20837;&#30041;&#23398;&#29983;&#25968;.xlsx" TargetMode="External"/></Relationships>
</file>

<file path=ppt/charts/_rels/chart38.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3;&#12288;&#20154;&#26448;&#21147;\03.&#12464;&#12525;&#12540;&#12496;&#12523;&#38306;&#36899;\&#65308;&#65360;58&#65310;&#37117;&#36947;&#24220;&#30476;&#21029;&#22806;&#22269;&#20154;&#21172;&#20685;&#32773;&#25968;&#12392;&#12300;&#23554;&#38272;&#12539;&#25216;&#34899;&#20998;&#37326;&#12398;&#22312;&#30041;&#36039;&#26684;&#12301;&#20154;&#25968;&#12539;&#21106;&#21512;.xlsx" TargetMode="External"/></Relationships>
</file>

<file path=ppt/charts/_rels/chart39.xml.rels><?xml version="1.0" encoding="UTF-8" standalone="yes"?>
<Relationships xmlns="http://schemas.openxmlformats.org/package/2006/relationships"><Relationship Id="rId3" Type="http://schemas.openxmlformats.org/officeDocument/2006/relationships/package" Target="../embeddings/Microsoft_Excel_______27.xlsx"/><Relationship Id="rId2" Type="http://schemas.microsoft.com/office/2011/relationships/chartColorStyle" Target="colors7.xml"/><Relationship Id="rId1" Type="http://schemas.microsoft.com/office/2011/relationships/chartStyle" Target="style7.xml"/></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4.xml"/><Relationship Id="rId1" Type="http://schemas.microsoft.com/office/2011/relationships/chartStyle" Target="style4.xml"/></Relationships>
</file>

<file path=ppt/charts/_rels/chart40.xml.rels><?xml version="1.0" encoding="UTF-8" standalone="yes"?>
<Relationships xmlns="http://schemas.openxmlformats.org/package/2006/relationships"><Relationship Id="rId1" Type="http://schemas.openxmlformats.org/officeDocument/2006/relationships/package" Target="../embeddings/Microsoft_Excel_______28.xlsx"/></Relationships>
</file>

<file path=ppt/charts/_rels/chart41.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package" Target="../embeddings/Microsoft_Excel_______29.xlsx"/></Relationships>
</file>

<file path=ppt/charts/_rels/chart42.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package" Target="../embeddings/Microsoft_Excel_______30.xlsx"/></Relationships>
</file>

<file path=ppt/charts/_rels/chart43.xml.rels><?xml version="1.0" encoding="UTF-8" standalone="yes"?>
<Relationships xmlns="http://schemas.openxmlformats.org/package/2006/relationships"><Relationship Id="rId1" Type="http://schemas.openxmlformats.org/officeDocument/2006/relationships/package" Target="../embeddings/Microsoft_Excel_______31.xlsx"/></Relationships>
</file>

<file path=ppt/charts/_rels/chart44.xml.rels><?xml version="1.0" encoding="UTF-8" standalone="yes"?>
<Relationships xmlns="http://schemas.openxmlformats.org/package/2006/relationships"><Relationship Id="rId1" Type="http://schemas.openxmlformats.org/officeDocument/2006/relationships/package" Target="../embeddings/Microsoft_Excel_______32.xlsx"/></Relationships>
</file>

<file path=ppt/charts/_rels/chart45.xml.rels><?xml version="1.0" encoding="UTF-8" standalone="yes"?>
<Relationships xmlns="http://schemas.openxmlformats.org/package/2006/relationships"><Relationship Id="rId1" Type="http://schemas.openxmlformats.org/officeDocument/2006/relationships/package" Target="../embeddings/Microsoft_Excel_______33.xlsx"/></Relationships>
</file>

<file path=ppt/charts/_rels/chart46.xml.rels><?xml version="1.0" encoding="UTF-8" standalone="yes"?>
<Relationships xmlns="http://schemas.openxmlformats.org/package/2006/relationships"><Relationship Id="rId1" Type="http://schemas.openxmlformats.org/officeDocument/2006/relationships/package" Target="../embeddings/Microsoft_Excel_______34.xlsx"/></Relationships>
</file>

<file path=ppt/charts/_rels/chart47.xml.rels><?xml version="1.0" encoding="UTF-8" standalone="yes"?>
<Relationships xmlns="http://schemas.openxmlformats.org/package/2006/relationships"><Relationship Id="rId1" Type="http://schemas.openxmlformats.org/officeDocument/2006/relationships/package" Target="../embeddings/Microsoft_Excel_______35.xlsx"/></Relationships>
</file>

<file path=ppt/charts/_rels/chart48.xml.rels><?xml version="1.0" encoding="UTF-8" standalone="yes"?>
<Relationships xmlns="http://schemas.openxmlformats.org/package/2006/relationships"><Relationship Id="rId1" Type="http://schemas.openxmlformats.org/officeDocument/2006/relationships/package" Target="../embeddings/Microsoft_Excel_______36.xlsx"/></Relationships>
</file>

<file path=ppt/charts/_rels/chart49.xml.rels><?xml version="1.0" encoding="UTF-8" standalone="yes"?>
<Relationships xmlns="http://schemas.openxmlformats.org/package/2006/relationships"><Relationship Id="rId1" Type="http://schemas.openxmlformats.org/officeDocument/2006/relationships/package" Target="../embeddings/Microsoft_Excel_______37.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ppt/charts/_rels/chart50.xml.rels><?xml version="1.0" encoding="UTF-8" standalone="yes"?>
<Relationships xmlns="http://schemas.openxmlformats.org/package/2006/relationships"><Relationship Id="rId1" Type="http://schemas.openxmlformats.org/officeDocument/2006/relationships/package" Target="../embeddings/Microsoft_Excel_______38.xlsx"/></Relationships>
</file>

<file path=ppt/charts/_rels/chart51.xml.rels><?xml version="1.0" encoding="UTF-8" standalone="yes"?>
<Relationships xmlns="http://schemas.openxmlformats.org/package/2006/relationships"><Relationship Id="rId1" Type="http://schemas.openxmlformats.org/officeDocument/2006/relationships/package" Target="../embeddings/Microsoft_Excel_______39.xlsx"/></Relationships>
</file>

<file path=ppt/charts/_rels/chart52.xml.rels><?xml version="1.0" encoding="UTF-8" standalone="yes"?>
<Relationships xmlns="http://schemas.openxmlformats.org/package/2006/relationships"><Relationship Id="rId1" Type="http://schemas.openxmlformats.org/officeDocument/2006/relationships/package" Target="../embeddings/Microsoft_Excel_______40.xlsx"/></Relationships>
</file>

<file path=ppt/charts/_rels/chart53.xml.rels><?xml version="1.0" encoding="UTF-8" standalone="yes"?>
<Relationships xmlns="http://schemas.openxmlformats.org/package/2006/relationships"><Relationship Id="rId1" Type="http://schemas.openxmlformats.org/officeDocument/2006/relationships/package" Target="../embeddings/Microsoft_Excel_______41.xlsx"/></Relationships>
</file>

<file path=ppt/charts/_rels/chart54.xml.rels><?xml version="1.0" encoding="UTF-8" standalone="yes"?>
<Relationships xmlns="http://schemas.openxmlformats.org/package/2006/relationships"><Relationship Id="rId1" Type="http://schemas.openxmlformats.org/officeDocument/2006/relationships/package" Target="../embeddings/Microsoft_Excel_______42.xlsx"/></Relationships>
</file>

<file path=ppt/charts/_rels/chart55.xml.rels><?xml version="1.0" encoding="UTF-8" standalone="yes"?>
<Relationships xmlns="http://schemas.openxmlformats.org/package/2006/relationships"><Relationship Id="rId1" Type="http://schemas.openxmlformats.org/officeDocument/2006/relationships/package" Target="../embeddings/Microsoft_Excel_______43.xlsx"/></Relationships>
</file>

<file path=ppt/charts/_rels/chart56.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R2\00%20&#12487;&#12540;&#12479;&#12391;&#12415;&#12427;&#25104;&#38263;&#25126;&#30053;\&#9632;&#9632;&#12487;&#12540;&#12479;&#38598;&#9632;&#9632;&#65288;&#12371;&#12371;&#12398;&#12487;&#12540;&#12479;&#12434;&#26356;&#26032;&#65289;\&#31532;2&#31456;&#9314;&#12288;&#29987;&#26989;&#12539;&#25216;&#34899;\01.&#21307;&#30274;&#12539;&#20581;&#24247;&#38306;&#36899;&#29987;&#26989;\&#65308;&#65360;72-75&#65310;&#20581;&#24247;&#38306;&#36899;&#29987;&#26989;.xlsx" TargetMode="External"/></Relationships>
</file>

<file path=ppt/charts/_rels/chart57.xml.rels><?xml version="1.0" encoding="UTF-8" standalone="yes"?>
<Relationships xmlns="http://schemas.openxmlformats.org/package/2006/relationships"><Relationship Id="rId1" Type="http://schemas.openxmlformats.org/officeDocument/2006/relationships/package" Target="../embeddings/Microsoft_Excel_______44.xlsx"/></Relationships>
</file>

<file path=ppt/charts/_rels/chart58.xml.rels><?xml version="1.0" encoding="UTF-8" standalone="yes"?>
<Relationships xmlns="http://schemas.openxmlformats.org/package/2006/relationships"><Relationship Id="rId3" Type="http://schemas.openxmlformats.org/officeDocument/2006/relationships/package" Target="../embeddings/Microsoft_Excel_______45.xlsx"/><Relationship Id="rId2" Type="http://schemas.microsoft.com/office/2011/relationships/chartColorStyle" Target="colors8.xml"/><Relationship Id="rId1" Type="http://schemas.microsoft.com/office/2011/relationships/chartStyle" Target="style8.xml"/></Relationships>
</file>

<file path=ppt/charts/_rels/chart59.xml.rels><?xml version="1.0" encoding="UTF-8" standalone="yes"?>
<Relationships xmlns="http://schemas.openxmlformats.org/package/2006/relationships"><Relationship Id="rId3" Type="http://schemas.openxmlformats.org/officeDocument/2006/relationships/package" Target="../embeddings/Microsoft_Excel_______46.xlsx"/><Relationship Id="rId2" Type="http://schemas.microsoft.com/office/2011/relationships/chartColorStyle" Target="colors9.xml"/><Relationship Id="rId1" Type="http://schemas.microsoft.com/office/2011/relationships/chartStyle" Target="style9.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______5.xlsx"/><Relationship Id="rId2" Type="http://schemas.microsoft.com/office/2011/relationships/chartColorStyle" Target="colors5.xml"/><Relationship Id="rId1" Type="http://schemas.microsoft.com/office/2011/relationships/chartStyle" Target="style5.xml"/></Relationships>
</file>

<file path=ppt/charts/_rels/chart60.xml.rels><?xml version="1.0" encoding="UTF-8" standalone="yes"?>
<Relationships xmlns="http://schemas.openxmlformats.org/package/2006/relationships"><Relationship Id="rId3" Type="http://schemas.openxmlformats.org/officeDocument/2006/relationships/package" Target="../embeddings/Microsoft_Excel_______47.xlsx"/><Relationship Id="rId2" Type="http://schemas.microsoft.com/office/2011/relationships/chartColorStyle" Target="colors10.xml"/><Relationship Id="rId1" Type="http://schemas.microsoft.com/office/2011/relationships/chartStyle" Target="style10.xml"/></Relationships>
</file>

<file path=ppt/charts/_rels/chart61.xml.rels><?xml version="1.0" encoding="UTF-8" standalone="yes"?>
<Relationships xmlns="http://schemas.openxmlformats.org/package/2006/relationships"><Relationship Id="rId3" Type="http://schemas.openxmlformats.org/officeDocument/2006/relationships/package" Target="../embeddings/Microsoft_Excel_______48.xlsx"/><Relationship Id="rId2" Type="http://schemas.microsoft.com/office/2011/relationships/chartColorStyle" Target="colors11.xml"/><Relationship Id="rId1" Type="http://schemas.microsoft.com/office/2011/relationships/chartStyle" Target="style11.xml"/></Relationships>
</file>

<file path=ppt/charts/_rels/chart62.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______49.xlsx"/></Relationships>
</file>

<file path=ppt/charts/_rels/chart63.xml.rels><?xml version="1.0" encoding="UTF-8" standalone="yes"?>
<Relationships xmlns="http://schemas.openxmlformats.org/package/2006/relationships"><Relationship Id="rId3" Type="http://schemas.openxmlformats.org/officeDocument/2006/relationships/package" Target="../embeddings/Microsoft_Excel_______50.xlsx"/><Relationship Id="rId2" Type="http://schemas.microsoft.com/office/2011/relationships/chartColorStyle" Target="colors12.xml"/><Relationship Id="rId1" Type="http://schemas.microsoft.com/office/2011/relationships/chartStyle" Target="style12.xml"/></Relationships>
</file>

<file path=ppt/charts/_rels/chart64.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package" Target="../embeddings/Microsoft_Excel_______51.xlsx"/></Relationships>
</file>

<file path=ppt/charts/_rels/chart65.xml.rels><?xml version="1.0" encoding="UTF-8" standalone="yes"?>
<Relationships xmlns="http://schemas.openxmlformats.org/package/2006/relationships"><Relationship Id="rId2" Type="http://schemas.openxmlformats.org/officeDocument/2006/relationships/package" Target="../embeddings/Microsoft_Excel_______52.xlsx"/><Relationship Id="rId1" Type="http://schemas.openxmlformats.org/officeDocument/2006/relationships/themeOverride" Target="../theme/themeOverride2.xml"/></Relationships>
</file>

<file path=ppt/charts/_rels/chart66.xml.rels><?xml version="1.0" encoding="UTF-8" standalone="yes"?>
<Relationships xmlns="http://schemas.openxmlformats.org/package/2006/relationships"><Relationship Id="rId1" Type="http://schemas.openxmlformats.org/officeDocument/2006/relationships/package" Target="../embeddings/Microsoft_Excel_______53.xlsx"/></Relationships>
</file>

<file path=ppt/charts/_rels/chart67.xml.rels><?xml version="1.0" encoding="UTF-8" standalone="yes"?>
<Relationships xmlns="http://schemas.openxmlformats.org/package/2006/relationships"><Relationship Id="rId1" Type="http://schemas.openxmlformats.org/officeDocument/2006/relationships/package" Target="../embeddings/Microsoft_Excel_______54.xlsx"/></Relationships>
</file>

<file path=ppt/charts/_rels/chart68.xml.rels><?xml version="1.0" encoding="UTF-8" standalone="yes"?>
<Relationships xmlns="http://schemas.openxmlformats.org/package/2006/relationships"><Relationship Id="rId1" Type="http://schemas.openxmlformats.org/officeDocument/2006/relationships/package" Target="../embeddings/Microsoft_Excel_______55.xlsx"/></Relationships>
</file>

<file path=ppt/charts/_rels/chart69.xml.rels><?xml version="1.0" encoding="UTF-8" standalone="yes"?>
<Relationships xmlns="http://schemas.openxmlformats.org/package/2006/relationships"><Relationship Id="rId1" Type="http://schemas.openxmlformats.org/officeDocument/2006/relationships/package" Target="../embeddings/Microsoft_Excel_______56.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______6.xlsx"/></Relationships>
</file>

<file path=ppt/charts/_rels/chart70.xml.rels><?xml version="1.0" encoding="UTF-8" standalone="yes"?>
<Relationships xmlns="http://schemas.openxmlformats.org/package/2006/relationships"><Relationship Id="rId1" Type="http://schemas.openxmlformats.org/officeDocument/2006/relationships/package" Target="../embeddings/Microsoft_Excel_______57.xlsx"/></Relationships>
</file>

<file path=ppt/charts/_rels/chart71.xml.rels><?xml version="1.0" encoding="UTF-8" standalone="yes"?>
<Relationships xmlns="http://schemas.openxmlformats.org/package/2006/relationships"><Relationship Id="rId1" Type="http://schemas.openxmlformats.org/officeDocument/2006/relationships/package" Target="../embeddings/Microsoft_Excel_______58.xlsx"/></Relationships>
</file>

<file path=ppt/charts/_rels/chart72.xml.rels><?xml version="1.0" encoding="UTF-8" standalone="yes"?>
<Relationships xmlns="http://schemas.openxmlformats.org/package/2006/relationships"><Relationship Id="rId1" Type="http://schemas.openxmlformats.org/officeDocument/2006/relationships/package" Target="../embeddings/Microsoft_Excel_______59.xlsx"/></Relationships>
</file>

<file path=ppt/charts/_rels/chart73.xml.rels><?xml version="1.0" encoding="UTF-8" standalone="yes"?>
<Relationships xmlns="http://schemas.openxmlformats.org/package/2006/relationships"><Relationship Id="rId1" Type="http://schemas.openxmlformats.org/officeDocument/2006/relationships/package" Target="../embeddings/Microsoft_Excel_______60.xlsx"/></Relationships>
</file>

<file path=ppt/charts/_rels/chart74.xml.rels><?xml version="1.0" encoding="UTF-8" standalone="yes"?>
<Relationships xmlns="http://schemas.openxmlformats.org/package/2006/relationships"><Relationship Id="rId1" Type="http://schemas.openxmlformats.org/officeDocument/2006/relationships/package" Target="../embeddings/Microsoft_Excel_______61.xlsx"/></Relationships>
</file>

<file path=ppt/charts/_rels/chart75.xml.rels><?xml version="1.0" encoding="UTF-8" standalone="yes"?>
<Relationships xmlns="http://schemas.openxmlformats.org/package/2006/relationships"><Relationship Id="rId1" Type="http://schemas.openxmlformats.org/officeDocument/2006/relationships/package" Target="../embeddings/Microsoft_Excel_______62.xlsx"/></Relationships>
</file>

<file path=ppt/charts/_rels/chart76.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package" Target="../embeddings/Microsoft_Excel_______63.xlsx"/></Relationships>
</file>

<file path=ppt/charts/_rels/chart77.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package" Target="../embeddings/Microsoft_Excel_______64.xlsx"/></Relationships>
</file>

<file path=ppt/charts/_rels/chart78.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30\00&#65294;&#12487;&#12540;&#12479;&#12391;&#35211;&#12427;&#22823;&#38442;&#12398;&#25104;&#38263;&#25126;&#30053;2018&#29256;&#12398;&#20316;&#25104;\&#12487;&#12540;&#12479;&#38598;\&#31532;2&#31456;&#9314;&#12288;&#29987;&#26989;&#12539;&#25216;&#34899;\06.&#19978;&#22580;&#12539;&#12505;&#12531;&#12481;&#12515;&#12540;&#38306;&#36899;\&#65308;&#65360;98-99&#65310;&#19978;&#22580;&#12539;&#25552;&#26696;&#22411;&#34701;&#36039;.xlsx" TargetMode="External"/></Relationships>
</file>

<file path=ppt/charts/_rels/chart79.xml.rels><?xml version="1.0" encoding="UTF-8" standalone="yes"?>
<Relationships xmlns="http://schemas.openxmlformats.org/package/2006/relationships"><Relationship Id="rId1" Type="http://schemas.openxmlformats.org/officeDocument/2006/relationships/oleObject" Target="Microsoft%20PowerPoint%20&#20869;&#12398;&#12464;&#12521;&#12501;" TargetMode="External"/></Relationships>
</file>

<file path=ppt/charts/_rels/chart8.xml.rels><?xml version="1.0" encoding="UTF-8" standalone="yes"?>
<Relationships xmlns="http://schemas.openxmlformats.org/package/2006/relationships"><Relationship Id="rId1" Type="http://schemas.openxmlformats.org/officeDocument/2006/relationships/package" Target="../embeddings/Microsoft_Excel_______7.xlsx"/></Relationships>
</file>

<file path=ppt/charts/_rels/chart80.xml.rels><?xml version="1.0" encoding="UTF-8" standalone="yes"?>
<Relationships xmlns="http://schemas.openxmlformats.org/package/2006/relationships"><Relationship Id="rId1" Type="http://schemas.openxmlformats.org/officeDocument/2006/relationships/package" Target="../embeddings/Microsoft_Excel_______65.xlsx"/></Relationships>
</file>

<file path=ppt/charts/_rels/chart81.xml.rels><?xml version="1.0" encoding="UTF-8" standalone="yes"?>
<Relationships xmlns="http://schemas.openxmlformats.org/package/2006/relationships"><Relationship Id="rId1" Type="http://schemas.openxmlformats.org/officeDocument/2006/relationships/package" Target="../embeddings/Microsoft_Excel_______66.xlsx"/></Relationships>
</file>

<file path=ppt/charts/_rels/chart82.xml.rels><?xml version="1.0" encoding="UTF-8" standalone="yes"?>
<Relationships xmlns="http://schemas.openxmlformats.org/package/2006/relationships"><Relationship Id="rId1" Type="http://schemas.openxmlformats.org/officeDocument/2006/relationships/package" Target="../embeddings/Microsoft_Excel_______67.xlsx"/></Relationships>
</file>

<file path=ppt/charts/_rels/chart83.xml.rels><?xml version="1.0" encoding="UTF-8" standalone="yes"?>
<Relationships xmlns="http://schemas.openxmlformats.org/package/2006/relationships"><Relationship Id="rId3" Type="http://schemas.openxmlformats.org/officeDocument/2006/relationships/package" Target="../embeddings/Microsoft_Excel_______68.xlsx"/><Relationship Id="rId2" Type="http://schemas.microsoft.com/office/2011/relationships/chartColorStyle" Target="colors15.xml"/><Relationship Id="rId1" Type="http://schemas.microsoft.com/office/2011/relationships/chartStyle" Target="style15.xml"/></Relationships>
</file>

<file path=ppt/charts/_rels/chart84.xml.rels><?xml version="1.0" encoding="UTF-8" standalone="yes"?>
<Relationships xmlns="http://schemas.openxmlformats.org/package/2006/relationships"><Relationship Id="rId1" Type="http://schemas.openxmlformats.org/officeDocument/2006/relationships/package" Target="../embeddings/Microsoft_Excel_______69.xlsx"/></Relationships>
</file>

<file path=ppt/charts/_rels/chart85.xml.rels><?xml version="1.0" encoding="UTF-8" standalone="yes"?>
<Relationships xmlns="http://schemas.openxmlformats.org/package/2006/relationships"><Relationship Id="rId3" Type="http://schemas.openxmlformats.org/officeDocument/2006/relationships/package" Target="../embeddings/Microsoft_Excel_______70.xlsx"/><Relationship Id="rId2" Type="http://schemas.microsoft.com/office/2011/relationships/chartColorStyle" Target="colors16.xml"/><Relationship Id="rId1" Type="http://schemas.microsoft.com/office/2011/relationships/chartStyle" Target="style16.xml"/></Relationships>
</file>

<file path=ppt/charts/_rels/chart86.xml.rels><?xml version="1.0" encoding="UTF-8" standalone="yes"?>
<Relationships xmlns="http://schemas.openxmlformats.org/package/2006/relationships"><Relationship Id="rId1" Type="http://schemas.openxmlformats.org/officeDocument/2006/relationships/package" Target="../embeddings/Microsoft_Excel_______71.xlsx"/></Relationships>
</file>

<file path=ppt/charts/_rels/chart87.xml.rels><?xml version="1.0" encoding="UTF-8" standalone="yes"?>
<Relationships xmlns="http://schemas.openxmlformats.org/package/2006/relationships"><Relationship Id="rId1" Type="http://schemas.openxmlformats.org/officeDocument/2006/relationships/package" Target="../embeddings/Microsoft_Excel_______72.xlsx"/></Relationships>
</file>

<file path=ppt/charts/_rels/chart88.xml.rels><?xml version="1.0" encoding="UTF-8" standalone="yes"?>
<Relationships xmlns="http://schemas.openxmlformats.org/package/2006/relationships"><Relationship Id="rId3" Type="http://schemas.openxmlformats.org/officeDocument/2006/relationships/package" Target="../embeddings/Microsoft_Excel_______73.xlsx"/><Relationship Id="rId2" Type="http://schemas.microsoft.com/office/2011/relationships/chartColorStyle" Target="colors17.xml"/><Relationship Id="rId1" Type="http://schemas.microsoft.com/office/2011/relationships/chartStyle" Target="style17.xml"/></Relationships>
</file>

<file path=ppt/charts/_rels/chart89.xml.rels><?xml version="1.0" encoding="UTF-8" standalone="yes"?>
<Relationships xmlns="http://schemas.openxmlformats.org/package/2006/relationships"><Relationship Id="rId1" Type="http://schemas.openxmlformats.org/officeDocument/2006/relationships/package" Target="../embeddings/Microsoft_Excel_______74.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8.xlsx"/></Relationships>
</file>

<file path=ppt/charts/_rels/chart90.xml.rels><?xml version="1.0" encoding="UTF-8" standalone="yes"?>
<Relationships xmlns="http://schemas.openxmlformats.org/package/2006/relationships"><Relationship Id="rId3" Type="http://schemas.openxmlformats.org/officeDocument/2006/relationships/package" Target="../embeddings/Microsoft_Excel_______75.xlsx"/><Relationship Id="rId2" Type="http://schemas.microsoft.com/office/2011/relationships/chartColorStyle" Target="colors18.xml"/><Relationship Id="rId1" Type="http://schemas.microsoft.com/office/2011/relationships/chartStyle" Target="style18.xml"/></Relationships>
</file>

<file path=ppt/charts/_rels/chart91.xml.rels><?xml version="1.0" encoding="UTF-8" standalone="yes"?>
<Relationships xmlns="http://schemas.openxmlformats.org/package/2006/relationships"><Relationship Id="rId3" Type="http://schemas.openxmlformats.org/officeDocument/2006/relationships/package" Target="../embeddings/Microsoft_Excel_______76.xlsx"/><Relationship Id="rId2" Type="http://schemas.microsoft.com/office/2011/relationships/chartColorStyle" Target="colors19.xml"/><Relationship Id="rId1" Type="http://schemas.microsoft.com/office/2011/relationships/chartStyle" Target="style19.xml"/></Relationships>
</file>

<file path=ppt/charts/_rels/chart92.xml.rels><?xml version="1.0" encoding="UTF-8" standalone="yes"?>
<Relationships xmlns="http://schemas.openxmlformats.org/package/2006/relationships"><Relationship Id="rId1" Type="http://schemas.openxmlformats.org/officeDocument/2006/relationships/package" Target="../embeddings/Microsoft_Excel_______77.xlsx"/></Relationships>
</file>

<file path=ppt/charts/_rels/chart93.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20.xml"/><Relationship Id="rId1" Type="http://schemas.microsoft.com/office/2011/relationships/chartStyle" Target="style20.xml"/><Relationship Id="rId5" Type="http://schemas.openxmlformats.org/officeDocument/2006/relationships/chartUserShapes" Target="../drawings/drawing15.xml"/><Relationship Id="rId4" Type="http://schemas.openxmlformats.org/officeDocument/2006/relationships/package" Target="../embeddings/Microsoft_Excel_______78.xlsx"/></Relationships>
</file>

<file path=ppt/charts/_rels/chart94.xml.rels><?xml version="1.0" encoding="UTF-8" standalone="yes"?>
<Relationships xmlns="http://schemas.openxmlformats.org/package/2006/relationships"><Relationship Id="rId3" Type="http://schemas.openxmlformats.org/officeDocument/2006/relationships/package" Target="../embeddings/Microsoft_Excel_______79.xlsx"/><Relationship Id="rId2" Type="http://schemas.microsoft.com/office/2011/relationships/chartColorStyle" Target="colors21.xml"/><Relationship Id="rId1" Type="http://schemas.microsoft.com/office/2011/relationships/chartStyle" Target="style21.xml"/></Relationships>
</file>

<file path=ppt/charts/_rels/chart95.xml.rels><?xml version="1.0" encoding="UTF-8" standalone="yes"?>
<Relationships xmlns="http://schemas.openxmlformats.org/package/2006/relationships"><Relationship Id="rId3" Type="http://schemas.openxmlformats.org/officeDocument/2006/relationships/package" Target="../embeddings/Microsoft_Excel_______80.xlsx"/><Relationship Id="rId2" Type="http://schemas.microsoft.com/office/2011/relationships/chartColorStyle" Target="colors22.xml"/><Relationship Id="rId1" Type="http://schemas.microsoft.com/office/2011/relationships/chartStyle" Target="style22.xml"/><Relationship Id="rId4" Type="http://schemas.openxmlformats.org/officeDocument/2006/relationships/chartUserShapes" Target="../drawings/drawing16.xml"/></Relationships>
</file>

<file path=ppt/charts/_rels/chart96.xml.rels><?xml version="1.0" encoding="UTF-8" standalone="yes"?>
<Relationships xmlns="http://schemas.openxmlformats.org/package/2006/relationships"><Relationship Id="rId3" Type="http://schemas.openxmlformats.org/officeDocument/2006/relationships/package" Target="../embeddings/Microsoft_Excel_______81.xlsx"/><Relationship Id="rId2" Type="http://schemas.microsoft.com/office/2011/relationships/chartColorStyle" Target="colors23.xml"/><Relationship Id="rId1" Type="http://schemas.microsoft.com/office/2011/relationships/chartStyle" Target="style23.xml"/></Relationships>
</file>

<file path=ppt/charts/_rels/chart97.xml.rels><?xml version="1.0" encoding="UTF-8" standalone="yes"?>
<Relationships xmlns="http://schemas.openxmlformats.org/package/2006/relationships"><Relationship Id="rId1" Type="http://schemas.openxmlformats.org/officeDocument/2006/relationships/package" Target="../embeddings/Microsoft_Excel_______82.xlsx"/></Relationships>
</file>

<file path=ppt/charts/_rels/chart98.xml.rels><?xml version="1.0" encoding="UTF-8" standalone="yes"?>
<Relationships xmlns="http://schemas.openxmlformats.org/package/2006/relationships"><Relationship Id="rId1" Type="http://schemas.openxmlformats.org/officeDocument/2006/relationships/package" Target="../embeddings/Microsoft_Excel_______83.xlsx"/></Relationships>
</file>

<file path=ppt/charts/_rels/chart99.xml.rels><?xml version="1.0" encoding="UTF-8" standalone="yes"?>
<Relationships xmlns="http://schemas.openxmlformats.org/package/2006/relationships"><Relationship Id="rId3" Type="http://schemas.openxmlformats.org/officeDocument/2006/relationships/package" Target="../embeddings/Microsoft_Excel_______84.xlsx"/><Relationship Id="rId2" Type="http://schemas.microsoft.com/office/2011/relationships/chartColorStyle" Target="colors24.xml"/><Relationship Id="rId1" Type="http://schemas.microsoft.com/office/2011/relationships/chartStyle" Target="style24.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0846200743535382E-2"/>
          <c:y val="3.2331025263791772E-2"/>
          <c:w val="0.8794106669506877"/>
          <c:h val="0.55006460419257253"/>
        </c:manualLayout>
      </c:layout>
      <c:barChart>
        <c:barDir val="col"/>
        <c:grouping val="clustered"/>
        <c:varyColors val="0"/>
        <c:ser>
          <c:idx val="0"/>
          <c:order val="0"/>
          <c:tx>
            <c:strRef>
              <c:f>経済活動別!$D$2</c:f>
              <c:strCache>
                <c:ptCount val="1"/>
                <c:pt idx="0">
                  <c:v>寄与度</c:v>
                </c:pt>
              </c:strCache>
            </c:strRef>
          </c:tx>
          <c:spPr>
            <a:solidFill>
              <a:schemeClr val="accent1"/>
            </a:solidFill>
            <a:ln>
              <a:noFill/>
            </a:ln>
            <a:effectLst/>
          </c:spPr>
          <c:invertIfNegative val="0"/>
          <c:dLbls>
            <c:dLbl>
              <c:idx val="9"/>
              <c:layout>
                <c:manualLayout>
                  <c:x val="0"/>
                  <c:y val="1.851851851851851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A37-4EA7-9E11-BB06A51DD4E6}"/>
                </c:ext>
              </c:extLst>
            </c:dLbl>
            <c:dLbl>
              <c:idx val="11"/>
              <c:layout>
                <c:manualLayout>
                  <c:x val="1.4357320006121723E-3"/>
                  <c:y val="1.175673645956064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DC0-4852-AB42-68649CD252AC}"/>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経済活動別!$B$3:$B$16</c:f>
              <c:strCache>
                <c:ptCount val="14"/>
                <c:pt idx="0">
                  <c:v>製造業</c:v>
                </c:pt>
                <c:pt idx="1">
                  <c:v>電気・ガス・水道・廃棄物処理業</c:v>
                </c:pt>
                <c:pt idx="2">
                  <c:v>建設業</c:v>
                </c:pt>
                <c:pt idx="3">
                  <c:v>卸売・小売業</c:v>
                </c:pt>
                <c:pt idx="4">
                  <c:v>運輸・郵便業</c:v>
                </c:pt>
                <c:pt idx="5">
                  <c:v>宿泊・飲食サービス業</c:v>
                </c:pt>
                <c:pt idx="6">
                  <c:v>情報通信業</c:v>
                </c:pt>
                <c:pt idx="7">
                  <c:v>金融・保険業</c:v>
                </c:pt>
                <c:pt idx="8">
                  <c:v>不動産業</c:v>
                </c:pt>
                <c:pt idx="9">
                  <c:v>専門・科学委技術、業務支援サービス業</c:v>
                </c:pt>
                <c:pt idx="10">
                  <c:v>公務</c:v>
                </c:pt>
                <c:pt idx="11">
                  <c:v>教育</c:v>
                </c:pt>
                <c:pt idx="12">
                  <c:v>保健衛生・社会事業</c:v>
                </c:pt>
                <c:pt idx="13">
                  <c:v>その他のサービス</c:v>
                </c:pt>
              </c:strCache>
            </c:strRef>
          </c:cat>
          <c:val>
            <c:numRef>
              <c:f>経済活動別!$D$3:$D$16</c:f>
              <c:numCache>
                <c:formatCode>0.00;"▲ "0.00</c:formatCode>
                <c:ptCount val="14"/>
                <c:pt idx="0">
                  <c:v>1.1299999999999999</c:v>
                </c:pt>
                <c:pt idx="1">
                  <c:v>0.14000000000000001</c:v>
                </c:pt>
                <c:pt idx="2">
                  <c:v>0.28999999999999998</c:v>
                </c:pt>
                <c:pt idx="3">
                  <c:v>0.5</c:v>
                </c:pt>
                <c:pt idx="4">
                  <c:v>0.21</c:v>
                </c:pt>
                <c:pt idx="5">
                  <c:v>0.04</c:v>
                </c:pt>
                <c:pt idx="6">
                  <c:v>0.04</c:v>
                </c:pt>
                <c:pt idx="7">
                  <c:v>0.17</c:v>
                </c:pt>
                <c:pt idx="8">
                  <c:v>0.17</c:v>
                </c:pt>
                <c:pt idx="9">
                  <c:v>-0.04</c:v>
                </c:pt>
                <c:pt idx="10">
                  <c:v>0.08</c:v>
                </c:pt>
                <c:pt idx="11">
                  <c:v>-9.9999999999999995E-7</c:v>
                </c:pt>
                <c:pt idx="12">
                  <c:v>7.0000000000000007E-2</c:v>
                </c:pt>
                <c:pt idx="13">
                  <c:v>0.09</c:v>
                </c:pt>
              </c:numCache>
            </c:numRef>
          </c:val>
          <c:extLst>
            <c:ext xmlns:c16="http://schemas.microsoft.com/office/drawing/2014/chart" uri="{C3380CC4-5D6E-409C-BE32-E72D297353CC}">
              <c16:uniqueId val="{00000001-7A37-4EA7-9E11-BB06A51DD4E6}"/>
            </c:ext>
          </c:extLst>
        </c:ser>
        <c:dLbls>
          <c:dLblPos val="outEnd"/>
          <c:showLegendKey val="0"/>
          <c:showVal val="1"/>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ax val="1.2"/>
          <c:min val="-0.2"/>
        </c:scaling>
        <c:delete val="0"/>
        <c:axPos val="l"/>
        <c:majorGridlines>
          <c:spPr>
            <a:ln w="952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76782701797221"/>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5:$K$15</c:f>
              <c:numCache>
                <c:formatCode>#,##0_);[Red]\(#,##0\)</c:formatCode>
                <c:ptCount val="10"/>
                <c:pt idx="0">
                  <c:v>861.11749999999995</c:v>
                </c:pt>
                <c:pt idx="1">
                  <c:v>621.87519999999995</c:v>
                </c:pt>
                <c:pt idx="2">
                  <c:v>835.81050000000005</c:v>
                </c:pt>
                <c:pt idx="3">
                  <c:v>1036.3904</c:v>
                </c:pt>
                <c:pt idx="4">
                  <c:v>1341.3467000000001</c:v>
                </c:pt>
                <c:pt idx="5">
                  <c:v>1973.7409</c:v>
                </c:pt>
                <c:pt idx="6">
                  <c:v>2403.9052999999999</c:v>
                </c:pt>
                <c:pt idx="7">
                  <c:v>2869.1</c:v>
                </c:pt>
                <c:pt idx="8">
                  <c:v>3119.2</c:v>
                </c:pt>
                <c:pt idx="9">
                  <c:v>3188</c:v>
                </c:pt>
              </c:numCache>
            </c:numRef>
          </c:val>
          <c:extLst>
            <c:ext xmlns:c16="http://schemas.microsoft.com/office/drawing/2014/chart" uri="{C3380CC4-5D6E-409C-BE32-E72D297353CC}">
              <c16:uniqueId val="{00000000-E792-4F68-81A0-F666130D076D}"/>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6:$K$16</c:f>
              <c:numCache>
                <c:formatCode>0</c:formatCode>
                <c:ptCount val="10"/>
                <c:pt idx="0">
                  <c:v>234.9</c:v>
                </c:pt>
                <c:pt idx="1">
                  <c:v>158.30000000000001</c:v>
                </c:pt>
                <c:pt idx="2">
                  <c:v>202.8</c:v>
                </c:pt>
                <c:pt idx="3">
                  <c:v>262.5</c:v>
                </c:pt>
                <c:pt idx="4">
                  <c:v>375.8</c:v>
                </c:pt>
                <c:pt idx="5">
                  <c:v>716.4</c:v>
                </c:pt>
                <c:pt idx="6">
                  <c:v>940</c:v>
                </c:pt>
                <c:pt idx="7">
                  <c:v>1110</c:v>
                </c:pt>
                <c:pt idx="8">
                  <c:v>1142</c:v>
                </c:pt>
                <c:pt idx="9">
                  <c:v>1231</c:v>
                </c:pt>
              </c:numCache>
            </c:numRef>
          </c:val>
          <c:extLst>
            <c:ext xmlns:c16="http://schemas.microsoft.com/office/drawing/2014/chart" uri="{C3380CC4-5D6E-409C-BE32-E72D297353CC}">
              <c16:uniqueId val="{00000001-E792-4F68-81A0-F666130D076D}"/>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792-4F68-81A0-F666130D076D}"/>
                </c:ext>
              </c:extLst>
            </c:dLbl>
            <c:dLbl>
              <c:idx val="5"/>
              <c:layout>
                <c:manualLayout>
                  <c:x val="-7.530753727543929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792-4F68-81A0-F666130D076D}"/>
                </c:ext>
              </c:extLst>
            </c:dLbl>
            <c:dLbl>
              <c:idx val="6"/>
              <c:layout>
                <c:manualLayout>
                  <c:x val="-6.9370208353494542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792-4F68-81A0-F666130D076D}"/>
                </c:ext>
              </c:extLst>
            </c:dLbl>
            <c:dLbl>
              <c:idx val="7"/>
              <c:layout>
                <c:manualLayout>
                  <c:x val="-5.749555050960526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792-4F68-81A0-F666130D076D}"/>
                </c:ext>
              </c:extLst>
            </c:dLbl>
            <c:dLbl>
              <c:idx val="8"/>
              <c:layout>
                <c:manualLayout>
                  <c:x val="-4.5620892665715868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792-4F68-81A0-F666130D076D}"/>
                </c:ext>
              </c:extLst>
            </c:dLbl>
            <c:dLbl>
              <c:idx val="9"/>
              <c:layout>
                <c:manualLayout>
                  <c:x val="-4.8589557126688214E-2"/>
                  <c:y val="-2.2030110243358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792-4F68-81A0-F666130D076D}"/>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1:$K$11</c:f>
              <c:numCache>
                <c:formatCode>General</c:formatCode>
                <c:ptCount val="10"/>
                <c:pt idx="0">
                  <c:v>26.1</c:v>
                </c:pt>
                <c:pt idx="1">
                  <c:v>25.2</c:v>
                </c:pt>
                <c:pt idx="2">
                  <c:v>24</c:v>
                </c:pt>
                <c:pt idx="3">
                  <c:v>25.1</c:v>
                </c:pt>
                <c:pt idx="4">
                  <c:v>27.9</c:v>
                </c:pt>
                <c:pt idx="5">
                  <c:v>36.299999999999997</c:v>
                </c:pt>
                <c:pt idx="6" formatCode="0.0">
                  <c:v>39.123545316947954</c:v>
                </c:pt>
                <c:pt idx="7">
                  <c:v>38.700000000000003</c:v>
                </c:pt>
                <c:pt idx="8" formatCode="0.0">
                  <c:v>36.625700000000002</c:v>
                </c:pt>
                <c:pt idx="9" formatCode="0.0">
                  <c:v>38.603900000000003</c:v>
                </c:pt>
              </c:numCache>
            </c:numRef>
          </c:val>
          <c:smooth val="0"/>
          <c:extLst>
            <c:ext xmlns:c16="http://schemas.microsoft.com/office/drawing/2014/chart" uri="{C3380CC4-5D6E-409C-BE32-E72D297353CC}">
              <c16:uniqueId val="{00000003-E792-4F68-81A0-F666130D076D}"/>
            </c:ext>
          </c:extLst>
        </c:ser>
        <c:ser>
          <c:idx val="1"/>
          <c:order val="1"/>
          <c:tx>
            <c:strRef>
              <c:f>グラフ!$A$12</c:f>
              <c:strCache>
                <c:ptCount val="1"/>
                <c:pt idx="0">
                  <c:v>訪問率（東京）</c:v>
                </c:pt>
              </c:strCache>
            </c:strRef>
          </c:tx>
          <c:marker>
            <c:symbol val="diamond"/>
            <c:size val="7"/>
            <c:spPr>
              <a:ln>
                <a:solidFill>
                  <a:schemeClr val="tx1"/>
                </a:solidFill>
              </a:ln>
            </c:spPr>
          </c:marker>
          <c:dLbls>
            <c:dLbl>
              <c:idx val="7"/>
              <c:layout>
                <c:manualLayout>
                  <c:x val="-5.749555050960526E-2"/>
                  <c:y val="-1.89283785734330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792-4F68-81A0-F666130D076D}"/>
                </c:ext>
              </c:extLst>
            </c:dLbl>
            <c:dLbl>
              <c:idx val="8"/>
              <c:layout>
                <c:manualLayout>
                  <c:x val="-4.5620892665715868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792-4F68-81A0-F666130D076D}"/>
                </c:ext>
              </c:extLst>
            </c:dLbl>
            <c:dLbl>
              <c:idx val="9"/>
              <c:layout>
                <c:manualLayout>
                  <c:x val="-4.2652228204743521E-2"/>
                  <c:y val="-3.13353052531366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792-4F68-81A0-F666130D076D}"/>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2:$K$12</c:f>
              <c:numCache>
                <c:formatCode>General</c:formatCode>
                <c:ptCount val="10"/>
                <c:pt idx="0">
                  <c:v>60.3</c:v>
                </c:pt>
                <c:pt idx="1">
                  <c:v>50.6</c:v>
                </c:pt>
                <c:pt idx="2">
                  <c:v>51.3</c:v>
                </c:pt>
                <c:pt idx="3">
                  <c:v>47.3</c:v>
                </c:pt>
                <c:pt idx="4">
                  <c:v>51.4</c:v>
                </c:pt>
                <c:pt idx="5">
                  <c:v>52.1</c:v>
                </c:pt>
                <c:pt idx="6" formatCode="0.0">
                  <c:v>48.179941574991723</c:v>
                </c:pt>
                <c:pt idx="7">
                  <c:v>46.2</c:v>
                </c:pt>
                <c:pt idx="8" formatCode="0.0">
                  <c:v>45.618199999999995</c:v>
                </c:pt>
                <c:pt idx="9" formatCode="0.0">
                  <c:v>47.237299999999998</c:v>
                </c:pt>
              </c:numCache>
            </c:numRef>
          </c:val>
          <c:smooth val="0"/>
          <c:extLst>
            <c:ext xmlns:c16="http://schemas.microsoft.com/office/drawing/2014/chart" uri="{C3380CC4-5D6E-409C-BE32-E72D297353CC}">
              <c16:uniqueId val="{00000004-E792-4F68-81A0-F666130D076D}"/>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792-4F68-81A0-F666130D076D}"/>
                </c:ext>
              </c:extLst>
            </c:dLbl>
            <c:dLbl>
              <c:idx val="1"/>
              <c:layout>
                <c:manualLayout>
                  <c:x val="-4.858955712668811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E792-4F68-81A0-F666130D076D}"/>
                </c:ext>
              </c:extLst>
            </c:dLbl>
            <c:dLbl>
              <c:idx val="2"/>
              <c:layout>
                <c:manualLayout>
                  <c:x val="-5.4526886048632803E-2"/>
                  <c:y val="-2.82335735832109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E792-4F68-81A0-F666130D076D}"/>
                </c:ext>
              </c:extLst>
            </c:dLbl>
            <c:dLbl>
              <c:idx val="3"/>
              <c:layout>
                <c:manualLayout>
                  <c:x val="-6.0464214970577496E-2"/>
                  <c:y val="-2.5131841913284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E792-4F68-81A0-F666130D076D}"/>
                </c:ext>
              </c:extLst>
            </c:dLbl>
            <c:dLbl>
              <c:idx val="4"/>
              <c:layout>
                <c:manualLayout>
                  <c:x val="-5.4526886048632803E-2"/>
                  <c:y val="-3.13353052531367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E792-4F68-81A0-F666130D076D}"/>
                </c:ext>
              </c:extLst>
            </c:dLbl>
            <c:dLbl>
              <c:idx val="5"/>
              <c:layout>
                <c:manualLayout>
                  <c:x val="-4.265222820474341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E792-4F68-81A0-F666130D076D}"/>
                </c:ext>
              </c:extLst>
            </c:dLbl>
            <c:dLbl>
              <c:idx val="6"/>
              <c:layout>
                <c:manualLayout>
                  <c:x val="-5.1558221587660456E-2"/>
                  <c:y val="-3.13353052531367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E792-4F68-81A0-F666130D076D}"/>
                </c:ext>
              </c:extLst>
            </c:dLbl>
            <c:dLbl>
              <c:idx val="7"/>
              <c:layout>
                <c:manualLayout>
                  <c:x val="-5.749555050960526E-2"/>
                  <c:y val="-3.44370369230627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E792-4F68-81A0-F666130D076D}"/>
                </c:ext>
              </c:extLst>
            </c:dLbl>
            <c:dLbl>
              <c:idx val="8"/>
              <c:layout>
                <c:manualLayout>
                  <c:x val="-4.5620892665715868E-2"/>
                  <c:y val="-2.823357358321084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E792-4F68-81A0-F666130D076D}"/>
                </c:ext>
              </c:extLst>
            </c:dLbl>
            <c:dLbl>
              <c:idx val="9"/>
              <c:layout>
                <c:manualLayout>
                  <c:x val="-4.8589557126688214E-2"/>
                  <c:y val="-2.823357358321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E792-4F68-81A0-F666130D076D}"/>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3:$K$13</c:f>
              <c:numCache>
                <c:formatCode>General</c:formatCode>
                <c:ptCount val="10"/>
                <c:pt idx="0">
                  <c:v>24</c:v>
                </c:pt>
                <c:pt idx="1">
                  <c:v>16.7</c:v>
                </c:pt>
                <c:pt idx="2">
                  <c:v>17.3</c:v>
                </c:pt>
                <c:pt idx="3">
                  <c:v>18.899999999999999</c:v>
                </c:pt>
                <c:pt idx="4">
                  <c:v>21.9</c:v>
                </c:pt>
                <c:pt idx="5">
                  <c:v>24.4</c:v>
                </c:pt>
                <c:pt idx="6" formatCode="0.0">
                  <c:v>27.472710329657847</c:v>
                </c:pt>
                <c:pt idx="7">
                  <c:v>25.9</c:v>
                </c:pt>
                <c:pt idx="8" formatCode="0.0">
                  <c:v>25.7666</c:v>
                </c:pt>
                <c:pt idx="9" formatCode="0.0">
                  <c:v>27.803899999999999</c:v>
                </c:pt>
              </c:numCache>
            </c:numRef>
          </c:val>
          <c:smooth val="0"/>
          <c:extLst>
            <c:ext xmlns:c16="http://schemas.microsoft.com/office/drawing/2014/chart" uri="{C3380CC4-5D6E-409C-BE32-E72D297353CC}">
              <c16:uniqueId val="{00000006-E792-4F68-81A0-F666130D076D}"/>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792-4F68-81A0-F666130D076D}"/>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792-4F68-81A0-F666130D076D}"/>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792-4F68-81A0-F666130D076D}"/>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792-4F68-81A0-F666130D076D}"/>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K$1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4:$K$14</c:f>
              <c:numCache>
                <c:formatCode>General</c:formatCode>
                <c:ptCount val="10"/>
                <c:pt idx="0">
                  <c:v>9.1</c:v>
                </c:pt>
                <c:pt idx="1">
                  <c:v>9.6999999999999993</c:v>
                </c:pt>
                <c:pt idx="2">
                  <c:v>9.4</c:v>
                </c:pt>
                <c:pt idx="3">
                  <c:v>11</c:v>
                </c:pt>
                <c:pt idx="4">
                  <c:v>8.9</c:v>
                </c:pt>
                <c:pt idx="5">
                  <c:v>9.5</c:v>
                </c:pt>
                <c:pt idx="6" formatCode="0.0">
                  <c:v>9.9392549891739392</c:v>
                </c:pt>
                <c:pt idx="7">
                  <c:v>9.8000000000000007</c:v>
                </c:pt>
                <c:pt idx="8" formatCode="0.0">
                  <c:v>10.376199999999999</c:v>
                </c:pt>
                <c:pt idx="9" formatCode="0.0">
                  <c:v>8.6906999999999996</c:v>
                </c:pt>
              </c:numCache>
            </c:numRef>
          </c:val>
          <c:smooth val="0"/>
          <c:extLst>
            <c:ext xmlns:c16="http://schemas.microsoft.com/office/drawing/2014/chart" uri="{C3380CC4-5D6E-409C-BE32-E72D297353CC}">
              <c16:uniqueId val="{0000000B-E792-4F68-81A0-F666130D076D}"/>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100"/>
            </a:pPr>
            <a:endParaRPr lang="ja-JP"/>
          </a:p>
        </c:txPr>
        <c:crossAx val="103048704"/>
        <c:crosses val="autoZero"/>
        <c:auto val="1"/>
        <c:lblAlgn val="ctr"/>
        <c:lblOffset val="100"/>
        <c:noMultiLvlLbl val="0"/>
      </c:catAx>
      <c:valAx>
        <c:axId val="103048704"/>
        <c:scaling>
          <c:orientation val="minMax"/>
          <c:max val="35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8.5129640080067279E-2"/>
          <c:y val="0.88092521917088407"/>
          <c:w val="0.83972764284364765"/>
          <c:h val="0.10456236325518183"/>
        </c:manualLayout>
      </c:layout>
      <c:overlay val="0"/>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0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Sheet1!$A$3</c:f>
              <c:strCache>
                <c:ptCount val="1"/>
                <c:pt idx="0">
                  <c:v>東京都</c:v>
                </c:pt>
              </c:strCache>
            </c:strRef>
          </c:tx>
          <c:marker>
            <c:symbol val="triang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200-481F-A862-68A891A29756}"/>
                </c:ext>
              </c:extLst>
            </c:dLbl>
            <c:dLbl>
              <c:idx val="1"/>
              <c:layout>
                <c:manualLayout>
                  <c:x val="-4.2951443569553806E-2"/>
                  <c:y val="-3.108778069407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200-481F-A862-68A891A29756}"/>
                </c:ext>
              </c:extLst>
            </c:dLbl>
            <c:dLbl>
              <c:idx val="2"/>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E$2</c:f>
              <c:strCache>
                <c:ptCount val="4"/>
                <c:pt idx="0">
                  <c:v>2015年度</c:v>
                </c:pt>
                <c:pt idx="1">
                  <c:v>2016年度</c:v>
                </c:pt>
                <c:pt idx="2">
                  <c:v>2017年度</c:v>
                </c:pt>
                <c:pt idx="3">
                  <c:v>2018年度</c:v>
                </c:pt>
              </c:strCache>
            </c:strRef>
          </c:cat>
          <c:val>
            <c:numRef>
              <c:f>Sheet1!$B$3:$E$3</c:f>
              <c:numCache>
                <c:formatCode>General</c:formatCode>
                <c:ptCount val="4"/>
                <c:pt idx="0">
                  <c:v>7.3</c:v>
                </c:pt>
                <c:pt idx="1">
                  <c:v>7.4</c:v>
                </c:pt>
                <c:pt idx="2">
                  <c:v>7.4</c:v>
                </c:pt>
                <c:pt idx="3">
                  <c:v>7.4</c:v>
                </c:pt>
              </c:numCache>
            </c:numRef>
          </c:val>
          <c:smooth val="0"/>
          <c:extLst>
            <c:ext xmlns:c16="http://schemas.microsoft.com/office/drawing/2014/chart" uri="{C3380CC4-5D6E-409C-BE32-E72D297353CC}">
              <c16:uniqueId val="{00000003-3200-481F-A862-68A891A29756}"/>
            </c:ext>
          </c:extLst>
        </c:ser>
        <c:ser>
          <c:idx val="4"/>
          <c:order val="1"/>
          <c:tx>
            <c:strRef>
              <c:f>Sheet1!$A$4</c:f>
              <c:strCache>
                <c:ptCount val="1"/>
                <c:pt idx="0">
                  <c:v>神奈川県</c:v>
                </c:pt>
              </c:strCache>
            </c:strRef>
          </c:tx>
          <c:marker>
            <c:symbol val="x"/>
            <c:size val="5"/>
          </c:marker>
          <c:dLbls>
            <c:dLbl>
              <c:idx val="0"/>
              <c:layout>
                <c:manualLayout>
                  <c:x val="-4.2951443569553806E-2"/>
                  <c:y val="3.83566637503645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200-481F-A862-68A891A29756}"/>
                </c:ext>
              </c:extLst>
            </c:dLbl>
            <c:dLbl>
              <c:idx val="1"/>
              <c:layout>
                <c:manualLayout>
                  <c:x val="-4.5729221347331581E-2"/>
                  <c:y val="4.2986293379994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200-481F-A862-68A891A29756}"/>
                </c:ext>
              </c:extLst>
            </c:dLbl>
            <c:dLbl>
              <c:idx val="2"/>
              <c:layout>
                <c:manualLayout>
                  <c:x val="-4.2951443569553806E-2"/>
                  <c:y val="3.8356663750364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200-481F-A862-68A891A29756}"/>
                </c:ext>
              </c:extLst>
            </c:dLbl>
            <c:dLbl>
              <c:idx val="3"/>
              <c:layout>
                <c:manualLayout>
                  <c:x val="-4.5612152463243086E-2"/>
                  <c:y val="3.36414469930389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E$2</c:f>
              <c:strCache>
                <c:ptCount val="4"/>
                <c:pt idx="0">
                  <c:v>2015年度</c:v>
                </c:pt>
                <c:pt idx="1">
                  <c:v>2016年度</c:v>
                </c:pt>
                <c:pt idx="2">
                  <c:v>2017年度</c:v>
                </c:pt>
                <c:pt idx="3">
                  <c:v>2018年度</c:v>
                </c:pt>
              </c:strCache>
            </c:strRef>
          </c:cat>
          <c:val>
            <c:numRef>
              <c:f>Sheet1!$B$4:$E$4</c:f>
              <c:numCache>
                <c:formatCode>0.0</c:formatCode>
                <c:ptCount val="4"/>
                <c:pt idx="0" formatCode="General">
                  <c:v>6.9</c:v>
                </c:pt>
                <c:pt idx="1">
                  <c:v>7</c:v>
                </c:pt>
                <c:pt idx="2" formatCode="General">
                  <c:v>7.1</c:v>
                </c:pt>
                <c:pt idx="3" formatCode="General">
                  <c:v>7.2</c:v>
                </c:pt>
              </c:numCache>
            </c:numRef>
          </c:val>
          <c:smooth val="0"/>
          <c:extLst>
            <c:ext xmlns:c16="http://schemas.microsoft.com/office/drawing/2014/chart" uri="{C3380CC4-5D6E-409C-BE32-E72D297353CC}">
              <c16:uniqueId val="{00000008-3200-481F-A862-68A891A29756}"/>
            </c:ext>
          </c:extLst>
        </c:ser>
        <c:ser>
          <c:idx val="0"/>
          <c:order val="2"/>
          <c:tx>
            <c:strRef>
              <c:f>Sheet1!$A$5</c:f>
              <c:strCache>
                <c:ptCount val="1"/>
                <c:pt idx="0">
                  <c:v>大阪府</c:v>
                </c:pt>
              </c:strCache>
            </c:strRef>
          </c:tx>
          <c:marker>
            <c:symbol val="circ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200-481F-A862-68A891A29756}"/>
                </c:ext>
              </c:extLst>
            </c:dLbl>
            <c:dLbl>
              <c:idx val="1"/>
              <c:layout>
                <c:manualLayout>
                  <c:x val="-4.2951443569553806E-2"/>
                  <c:y val="-3.57174103237095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200-481F-A862-68A891A29756}"/>
                </c:ext>
              </c:extLst>
            </c:dLbl>
            <c:dLbl>
              <c:idx val="2"/>
              <c:layout>
                <c:manualLayout>
                  <c:x val="-4.5729221347331581E-2"/>
                  <c:y val="-4.49766695829687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200-481F-A862-68A891A2975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E$2</c:f>
              <c:strCache>
                <c:ptCount val="4"/>
                <c:pt idx="0">
                  <c:v>2015年度</c:v>
                </c:pt>
                <c:pt idx="1">
                  <c:v>2016年度</c:v>
                </c:pt>
                <c:pt idx="2">
                  <c:v>2017年度</c:v>
                </c:pt>
                <c:pt idx="3">
                  <c:v>2018年度</c:v>
                </c:pt>
              </c:strCache>
            </c:strRef>
          </c:cat>
          <c:val>
            <c:numRef>
              <c:f>Sheet1!$B$5:$E$5</c:f>
              <c:numCache>
                <c:formatCode>General</c:formatCode>
                <c:ptCount val="4"/>
                <c:pt idx="0">
                  <c:v>5.6</c:v>
                </c:pt>
                <c:pt idx="1">
                  <c:v>5.7</c:v>
                </c:pt>
                <c:pt idx="2">
                  <c:v>5.8</c:v>
                </c:pt>
                <c:pt idx="3">
                  <c:v>5.9</c:v>
                </c:pt>
              </c:numCache>
            </c:numRef>
          </c:val>
          <c:smooth val="0"/>
          <c:extLst>
            <c:ext xmlns:c16="http://schemas.microsoft.com/office/drawing/2014/chart" uri="{C3380CC4-5D6E-409C-BE32-E72D297353CC}">
              <c16:uniqueId val="{0000000C-3200-481F-A862-68A891A29756}"/>
            </c:ext>
          </c:extLst>
        </c:ser>
        <c:ser>
          <c:idx val="1"/>
          <c:order val="3"/>
          <c:tx>
            <c:strRef>
              <c:f>Sheet1!$A$6</c:f>
              <c:strCache>
                <c:ptCount val="1"/>
                <c:pt idx="0">
                  <c:v>兵庫県</c:v>
                </c:pt>
              </c:strCache>
            </c:strRef>
          </c:tx>
          <c:marker>
            <c:symbol val="square"/>
            <c:size val="5"/>
          </c:marker>
          <c:dLbls>
            <c:dLbl>
              <c:idx val="0"/>
              <c:layout>
                <c:manualLayout>
                  <c:x val="-5.0694444444444473E-2"/>
                  <c:y val="4.96066637503645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3200-481F-A862-68A891A29756}"/>
                </c:ext>
              </c:extLst>
            </c:dLbl>
            <c:dLbl>
              <c:idx val="1"/>
              <c:layout>
                <c:manualLayout>
                  <c:x val="-5.0694444444444493E-2"/>
                  <c:y val="4.9606663750364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3200-481F-A862-68A891A29756}"/>
                </c:ext>
              </c:extLst>
            </c:dLbl>
            <c:dLbl>
              <c:idx val="2"/>
              <c:layout>
                <c:manualLayout>
                  <c:x val="-5.0694444444444445E-2"/>
                  <c:y val="4.9606663750364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3200-481F-A862-68A891A29756}"/>
                </c:ext>
              </c:extLst>
            </c:dLbl>
            <c:spPr>
              <a:noFill/>
              <a:ln>
                <a:noFill/>
              </a:ln>
              <a:effectLst/>
            </c:spPr>
            <c:txPr>
              <a:bodyPr/>
              <a:lstStyle/>
              <a:p>
                <a:pPr>
                  <a:defRPr sz="11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E$2</c:f>
              <c:strCache>
                <c:ptCount val="4"/>
                <c:pt idx="0">
                  <c:v>2015年度</c:v>
                </c:pt>
                <c:pt idx="1">
                  <c:v>2016年度</c:v>
                </c:pt>
                <c:pt idx="2">
                  <c:v>2017年度</c:v>
                </c:pt>
                <c:pt idx="3">
                  <c:v>2018年度</c:v>
                </c:pt>
              </c:strCache>
            </c:strRef>
          </c:cat>
          <c:val>
            <c:numRef>
              <c:f>Sheet1!$B$6:$E$6</c:f>
              <c:numCache>
                <c:formatCode>General</c:formatCode>
                <c:ptCount val="4"/>
                <c:pt idx="0">
                  <c:v>10.9</c:v>
                </c:pt>
                <c:pt idx="1">
                  <c:v>11.1</c:v>
                </c:pt>
                <c:pt idx="2">
                  <c:v>11.2</c:v>
                </c:pt>
                <c:pt idx="3">
                  <c:v>11.6</c:v>
                </c:pt>
              </c:numCache>
            </c:numRef>
          </c:val>
          <c:smooth val="0"/>
          <c:extLst>
            <c:ext xmlns:c16="http://schemas.microsoft.com/office/drawing/2014/chart" uri="{C3380CC4-5D6E-409C-BE32-E72D297353CC}">
              <c16:uniqueId val="{00000010-3200-481F-A862-68A891A29756}"/>
            </c:ext>
          </c:extLst>
        </c:ser>
        <c:ser>
          <c:idx val="2"/>
          <c:order val="4"/>
          <c:tx>
            <c:strRef>
              <c:f>Sheet1!$A$7</c:f>
              <c:strCache>
                <c:ptCount val="1"/>
                <c:pt idx="0">
                  <c:v>福岡県</c:v>
                </c:pt>
              </c:strCache>
            </c:strRef>
          </c:tx>
          <c:marker>
            <c:symbol val="diamond"/>
            <c:size val="7"/>
          </c:marker>
          <c:dLbls>
            <c:dLbl>
              <c:idx val="0"/>
              <c:layout>
                <c:manualLayout>
                  <c:x val="-4.2951443569553834E-2"/>
                  <c:y val="-3.57174103237095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3200-481F-A862-68A891A29756}"/>
                </c:ext>
              </c:extLst>
            </c:dLbl>
            <c:dLbl>
              <c:idx val="1"/>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3200-481F-A862-68A891A29756}"/>
                </c:ext>
              </c:extLst>
            </c:dLbl>
            <c:dLbl>
              <c:idx val="2"/>
              <c:layout>
                <c:manualLayout>
                  <c:x val="-4.2951443569553806E-2"/>
                  <c:y val="-4.96062992125984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3200-481F-A862-68A891A29756}"/>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B$2:$E$2</c:f>
              <c:strCache>
                <c:ptCount val="4"/>
                <c:pt idx="0">
                  <c:v>2015年度</c:v>
                </c:pt>
                <c:pt idx="1">
                  <c:v>2016年度</c:v>
                </c:pt>
                <c:pt idx="2">
                  <c:v>2017年度</c:v>
                </c:pt>
                <c:pt idx="3">
                  <c:v>2018年度</c:v>
                </c:pt>
              </c:strCache>
            </c:strRef>
          </c:cat>
          <c:val>
            <c:numRef>
              <c:f>Sheet1!$B$7:$E$7</c:f>
              <c:numCache>
                <c:formatCode>General</c:formatCode>
                <c:ptCount val="4"/>
                <c:pt idx="0">
                  <c:v>9.1</c:v>
                </c:pt>
                <c:pt idx="1">
                  <c:v>9.1</c:v>
                </c:pt>
                <c:pt idx="2" formatCode="0.0">
                  <c:v>9</c:v>
                </c:pt>
                <c:pt idx="3" formatCode="0.0">
                  <c:v>9</c:v>
                </c:pt>
              </c:numCache>
            </c:numRef>
          </c:val>
          <c:smooth val="0"/>
          <c:extLst>
            <c:ext xmlns:c16="http://schemas.microsoft.com/office/drawing/2014/chart" uri="{C3380CC4-5D6E-409C-BE32-E72D297353CC}">
              <c16:uniqueId val="{00000014-3200-481F-A862-68A891A29756}"/>
            </c:ext>
          </c:extLst>
        </c:ser>
        <c:dLbls>
          <c:dLblPos val="t"/>
          <c:showLegendKey val="0"/>
          <c:showVal val="1"/>
          <c:showCatName val="0"/>
          <c:showSerName val="0"/>
          <c:showPercent val="0"/>
          <c:showBubbleSize val="0"/>
        </c:dLbls>
        <c:marker val="1"/>
        <c:smooth val="0"/>
        <c:axId val="129856256"/>
        <c:axId val="129857792"/>
      </c:lineChart>
      <c:catAx>
        <c:axId val="129856256"/>
        <c:scaling>
          <c:orientation val="minMax"/>
        </c:scaling>
        <c:delete val="0"/>
        <c:axPos val="b"/>
        <c:numFmt formatCode="General" sourceLinked="0"/>
        <c:majorTickMark val="out"/>
        <c:minorTickMark val="none"/>
        <c:tickLblPos val="nextTo"/>
        <c:crossAx val="129857792"/>
        <c:crosses val="autoZero"/>
        <c:auto val="1"/>
        <c:lblAlgn val="ctr"/>
        <c:lblOffset val="100"/>
        <c:noMultiLvlLbl val="0"/>
      </c:catAx>
      <c:valAx>
        <c:axId val="129857792"/>
        <c:scaling>
          <c:orientation val="minMax"/>
          <c:min val="4"/>
        </c:scaling>
        <c:delete val="0"/>
        <c:axPos val="l"/>
        <c:majorGridlines/>
        <c:numFmt formatCode="General" sourceLinked="1"/>
        <c:majorTickMark val="out"/>
        <c:minorTickMark val="none"/>
        <c:tickLblPos val="nextTo"/>
        <c:crossAx val="129856256"/>
        <c:crosses val="autoZero"/>
        <c:crossBetween val="between"/>
        <c:majorUnit val="2"/>
      </c:valAx>
    </c:plotArea>
    <c:legend>
      <c:legendPos val="r"/>
      <c:overlay val="0"/>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W$2:$W$11</c:f>
              <c:numCache>
                <c:formatCode>#,##0_);[Red]\(#,##0\)</c:formatCode>
                <c:ptCount val="10"/>
                <c:pt idx="0">
                  <c:v>732</c:v>
                </c:pt>
                <c:pt idx="1">
                  <c:v>502</c:v>
                </c:pt>
                <c:pt idx="2">
                  <c:v>615</c:v>
                </c:pt>
                <c:pt idx="3">
                  <c:v>529</c:v>
                </c:pt>
                <c:pt idx="4">
                  <c:v>1009</c:v>
                </c:pt>
                <c:pt idx="5">
                  <c:v>2716</c:v>
                </c:pt>
                <c:pt idx="6">
                  <c:v>3729</c:v>
                </c:pt>
                <c:pt idx="7">
                  <c:v>4024</c:v>
                </c:pt>
                <c:pt idx="8">
                  <c:v>4550</c:v>
                </c:pt>
                <c:pt idx="9">
                  <c:v>5642</c:v>
                </c:pt>
              </c:numCache>
            </c:numRef>
          </c:val>
          <c:smooth val="0"/>
          <c:extLst>
            <c:ext xmlns:c16="http://schemas.microsoft.com/office/drawing/2014/chart" uri="{C3380CC4-5D6E-409C-BE32-E72D297353CC}">
              <c16:uniqueId val="{00000000-7ED6-4AC1-9FED-BF778025EF48}"/>
            </c:ext>
          </c:extLst>
        </c:ser>
        <c:ser>
          <c:idx val="1"/>
          <c:order val="1"/>
          <c:tx>
            <c:strRef>
              <c:f>Sheet2!$X$1</c:f>
              <c:strCache>
                <c:ptCount val="1"/>
                <c:pt idx="0">
                  <c:v>韓国</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X$2:$X$11</c:f>
              <c:numCache>
                <c:formatCode>#,##0_);[Red]\(#,##0\)</c:formatCode>
                <c:ptCount val="10"/>
                <c:pt idx="0">
                  <c:v>589</c:v>
                </c:pt>
                <c:pt idx="1">
                  <c:v>370</c:v>
                </c:pt>
                <c:pt idx="2">
                  <c:v>448</c:v>
                </c:pt>
                <c:pt idx="3">
                  <c:v>578</c:v>
                </c:pt>
                <c:pt idx="4">
                  <c:v>721</c:v>
                </c:pt>
                <c:pt idx="5">
                  <c:v>1080</c:v>
                </c:pt>
                <c:pt idx="6">
                  <c:v>1578</c:v>
                </c:pt>
                <c:pt idx="7">
                  <c:v>2413</c:v>
                </c:pt>
                <c:pt idx="8">
                  <c:v>2390</c:v>
                </c:pt>
                <c:pt idx="9">
                  <c:v>1608</c:v>
                </c:pt>
              </c:numCache>
            </c:numRef>
          </c:val>
          <c:smooth val="0"/>
          <c:extLst>
            <c:ext xmlns:c16="http://schemas.microsoft.com/office/drawing/2014/chart" uri="{C3380CC4-5D6E-409C-BE32-E72D297353CC}">
              <c16:uniqueId val="{00000001-7ED6-4AC1-9FED-BF778025EF48}"/>
            </c:ext>
          </c:extLst>
        </c:ser>
        <c:ser>
          <c:idx val="2"/>
          <c:order val="2"/>
          <c:tx>
            <c:strRef>
              <c:f>Sheet2!$Y$1</c:f>
              <c:strCache>
                <c:ptCount val="1"/>
                <c:pt idx="0">
                  <c:v>台湾</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Y$2:$Y$11</c:f>
              <c:numCache>
                <c:formatCode>#,##0_);[Red]\(#,##0\)</c:formatCode>
                <c:ptCount val="10"/>
                <c:pt idx="0">
                  <c:v>301</c:v>
                </c:pt>
                <c:pt idx="1">
                  <c:v>241</c:v>
                </c:pt>
                <c:pt idx="2">
                  <c:v>305</c:v>
                </c:pt>
                <c:pt idx="3">
                  <c:v>531</c:v>
                </c:pt>
                <c:pt idx="4">
                  <c:v>679</c:v>
                </c:pt>
                <c:pt idx="5">
                  <c:v>1054</c:v>
                </c:pt>
                <c:pt idx="6">
                  <c:v>1254</c:v>
                </c:pt>
                <c:pt idx="7">
                  <c:v>1401</c:v>
                </c:pt>
                <c:pt idx="8">
                  <c:v>1223</c:v>
                </c:pt>
                <c:pt idx="9">
                  <c:v>1276</c:v>
                </c:pt>
              </c:numCache>
            </c:numRef>
          </c:val>
          <c:smooth val="0"/>
          <c:extLst>
            <c:ext xmlns:c16="http://schemas.microsoft.com/office/drawing/2014/chart" uri="{C3380CC4-5D6E-409C-BE32-E72D297353CC}">
              <c16:uniqueId val="{00000002-7ED6-4AC1-9FED-BF778025EF48}"/>
            </c:ext>
          </c:extLst>
        </c:ser>
        <c:ser>
          <c:idx val="3"/>
          <c:order val="3"/>
          <c:tx>
            <c:strRef>
              <c:f>Sheet2!$Z$1</c:f>
              <c:strCache>
                <c:ptCount val="1"/>
                <c:pt idx="0">
                  <c:v>香港</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Z$2:$Z$11</c:f>
              <c:numCache>
                <c:formatCode>#,##0_);[Red]\(#,##0\)</c:formatCode>
                <c:ptCount val="10"/>
                <c:pt idx="0">
                  <c:v>106</c:v>
                </c:pt>
                <c:pt idx="1">
                  <c:v>97</c:v>
                </c:pt>
                <c:pt idx="2">
                  <c:v>94</c:v>
                </c:pt>
                <c:pt idx="3">
                  <c:v>175</c:v>
                </c:pt>
                <c:pt idx="4">
                  <c:v>266</c:v>
                </c:pt>
                <c:pt idx="5">
                  <c:v>538</c:v>
                </c:pt>
                <c:pt idx="6">
                  <c:v>627</c:v>
                </c:pt>
                <c:pt idx="7">
                  <c:v>741</c:v>
                </c:pt>
                <c:pt idx="8">
                  <c:v>718</c:v>
                </c:pt>
                <c:pt idx="9">
                  <c:v>719</c:v>
                </c:pt>
              </c:numCache>
            </c:numRef>
          </c:val>
          <c:smooth val="0"/>
          <c:extLst>
            <c:ext xmlns:c16="http://schemas.microsoft.com/office/drawing/2014/chart" uri="{C3380CC4-5D6E-409C-BE32-E72D297353CC}">
              <c16:uniqueId val="{00000003-7ED6-4AC1-9FED-BF778025EF48}"/>
            </c:ext>
          </c:extLst>
        </c:ser>
        <c:ser>
          <c:idx val="4"/>
          <c:order val="4"/>
          <c:tx>
            <c:strRef>
              <c:f>Sheet2!$AA$1</c:f>
              <c:strCache>
                <c:ptCount val="1"/>
                <c:pt idx="0">
                  <c:v>アメリカ</c:v>
                </c:pt>
              </c:strCache>
            </c:strRef>
          </c:tx>
          <c:cat>
            <c:strRef>
              <c:f>Sheet2!$V$2:$V$11</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Sheet2!$AA$2:$AA$11</c:f>
              <c:numCache>
                <c:formatCode>#,##0_);[Red]\(#,##0\)</c:formatCode>
                <c:ptCount val="10"/>
                <c:pt idx="0">
                  <c:v>118</c:v>
                </c:pt>
                <c:pt idx="1">
                  <c:v>89</c:v>
                </c:pt>
                <c:pt idx="2">
                  <c:v>94</c:v>
                </c:pt>
                <c:pt idx="3">
                  <c:v>120</c:v>
                </c:pt>
                <c:pt idx="4">
                  <c:v>156</c:v>
                </c:pt>
                <c:pt idx="5">
                  <c:v>238</c:v>
                </c:pt>
                <c:pt idx="6">
                  <c:v>319</c:v>
                </c:pt>
                <c:pt idx="7">
                  <c:v>359</c:v>
                </c:pt>
                <c:pt idx="8">
                  <c:v>415</c:v>
                </c:pt>
                <c:pt idx="9">
                  <c:v>488</c:v>
                </c:pt>
              </c:numCache>
            </c:numRef>
          </c:val>
          <c:smooth val="0"/>
          <c:extLst>
            <c:ext xmlns:c16="http://schemas.microsoft.com/office/drawing/2014/chart" uri="{C3380CC4-5D6E-409C-BE32-E72D297353CC}">
              <c16:uniqueId val="{00000004-7ED6-4AC1-9FED-BF778025EF48}"/>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overlay val="0"/>
    </c:legend>
    <c:plotVisOnly val="1"/>
    <c:dispBlanksAs val="gap"/>
    <c:showDLblsOverMax val="0"/>
  </c:chart>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AD$2</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D$3:$AD$11</c:f>
              <c:numCache>
                <c:formatCode>0.0%</c:formatCode>
                <c:ptCount val="9"/>
                <c:pt idx="0">
                  <c:v>0.48299999999999998</c:v>
                </c:pt>
                <c:pt idx="1">
                  <c:v>0.42899999999999999</c:v>
                </c:pt>
                <c:pt idx="2">
                  <c:v>0.4</c:v>
                </c:pt>
                <c:pt idx="3">
                  <c:v>0.41799999999999998</c:v>
                </c:pt>
                <c:pt idx="4">
                  <c:v>0.54400000000000004</c:v>
                </c:pt>
                <c:pt idx="5">
                  <c:v>0.58499999999999996</c:v>
                </c:pt>
                <c:pt idx="6">
                  <c:v>0.54700000000000004</c:v>
                </c:pt>
                <c:pt idx="7">
                  <c:v>0.54295942720763724</c:v>
                </c:pt>
                <c:pt idx="8">
                  <c:v>0.58807588075880757</c:v>
                </c:pt>
              </c:numCache>
            </c:numRef>
          </c:val>
          <c:smooth val="0"/>
          <c:extLst>
            <c:ext xmlns:c16="http://schemas.microsoft.com/office/drawing/2014/chart" uri="{C3380CC4-5D6E-409C-BE32-E72D297353CC}">
              <c16:uniqueId val="{00000000-0BC0-46F8-B998-595FF54639C5}"/>
            </c:ext>
          </c:extLst>
        </c:ser>
        <c:ser>
          <c:idx val="1"/>
          <c:order val="1"/>
          <c:tx>
            <c:strRef>
              <c:f>Sheet2!$AE$2</c:f>
              <c:strCache>
                <c:ptCount val="1"/>
                <c:pt idx="0">
                  <c:v>韓国</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E$3:$AE$11</c:f>
              <c:numCache>
                <c:formatCode>0.0%</c:formatCode>
                <c:ptCount val="9"/>
                <c:pt idx="0">
                  <c:v>0.20699999999999999</c:v>
                </c:pt>
                <c:pt idx="1">
                  <c:v>0.21</c:v>
                </c:pt>
                <c:pt idx="2">
                  <c:v>0.22700000000000001</c:v>
                </c:pt>
                <c:pt idx="3">
                  <c:v>0.25700000000000001</c:v>
                </c:pt>
                <c:pt idx="4">
                  <c:v>0.27</c:v>
                </c:pt>
                <c:pt idx="5">
                  <c:v>0.31</c:v>
                </c:pt>
                <c:pt idx="6">
                  <c:v>0.33800000000000002</c:v>
                </c:pt>
                <c:pt idx="7">
                  <c:v>0.31701817217137551</c:v>
                </c:pt>
                <c:pt idx="8">
                  <c:v>0.28791405550581917</c:v>
                </c:pt>
              </c:numCache>
            </c:numRef>
          </c:val>
          <c:smooth val="0"/>
          <c:extLst>
            <c:ext xmlns:c16="http://schemas.microsoft.com/office/drawing/2014/chart" uri="{C3380CC4-5D6E-409C-BE32-E72D297353CC}">
              <c16:uniqueId val="{00000001-0BC0-46F8-B998-595FF54639C5}"/>
            </c:ext>
          </c:extLst>
        </c:ser>
        <c:ser>
          <c:idx val="2"/>
          <c:order val="2"/>
          <c:tx>
            <c:strRef>
              <c:f>Sheet2!$AF$2</c:f>
              <c:strCache>
                <c:ptCount val="1"/>
                <c:pt idx="0">
                  <c:v>台湾</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F$3:$AF$11</c:f>
              <c:numCache>
                <c:formatCode>0.0%</c:formatCode>
                <c:ptCount val="9"/>
                <c:pt idx="0">
                  <c:v>0.24</c:v>
                </c:pt>
                <c:pt idx="1">
                  <c:v>0.20799999999999999</c:v>
                </c:pt>
                <c:pt idx="2">
                  <c:v>0.24</c:v>
                </c:pt>
                <c:pt idx="3">
                  <c:v>0.24</c:v>
                </c:pt>
                <c:pt idx="4">
                  <c:v>0.28699999999999998</c:v>
                </c:pt>
                <c:pt idx="5">
                  <c:v>0.30099999999999999</c:v>
                </c:pt>
                <c:pt idx="6">
                  <c:v>0.307</c:v>
                </c:pt>
                <c:pt idx="7">
                  <c:v>0.25709480765188142</c:v>
                </c:pt>
                <c:pt idx="8">
                  <c:v>0.26088734410141073</c:v>
                </c:pt>
              </c:numCache>
            </c:numRef>
          </c:val>
          <c:smooth val="0"/>
          <c:extLst>
            <c:ext xmlns:c16="http://schemas.microsoft.com/office/drawing/2014/chart" uri="{C3380CC4-5D6E-409C-BE32-E72D297353CC}">
              <c16:uniqueId val="{00000002-0BC0-46F8-B998-595FF54639C5}"/>
            </c:ext>
          </c:extLst>
        </c:ser>
        <c:ser>
          <c:idx val="3"/>
          <c:order val="3"/>
          <c:tx>
            <c:strRef>
              <c:f>Sheet2!$AG$2</c:f>
              <c:strCache>
                <c:ptCount val="1"/>
                <c:pt idx="0">
                  <c:v>香港</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G$3:$AG$11</c:f>
              <c:numCache>
                <c:formatCode>0.0%</c:formatCode>
                <c:ptCount val="9"/>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pt idx="8">
                  <c:v>0.31383675250982102</c:v>
                </c:pt>
              </c:numCache>
            </c:numRef>
          </c:val>
          <c:smooth val="0"/>
          <c:extLst>
            <c:ext xmlns:c16="http://schemas.microsoft.com/office/drawing/2014/chart" uri="{C3380CC4-5D6E-409C-BE32-E72D297353CC}">
              <c16:uniqueId val="{00000003-0BC0-46F8-B998-595FF54639C5}"/>
            </c:ext>
          </c:extLst>
        </c:ser>
        <c:ser>
          <c:idx val="4"/>
          <c:order val="4"/>
          <c:tx>
            <c:strRef>
              <c:f>Sheet2!$AH$2</c:f>
              <c:strCache>
                <c:ptCount val="1"/>
                <c:pt idx="0">
                  <c:v>アメリカ</c:v>
                </c:pt>
              </c:strCache>
            </c:strRef>
          </c:tx>
          <c:cat>
            <c:strRef>
              <c:f>Sheet2!$AC$3:$AC$11</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2!$AH$3:$AH$11</c:f>
              <c:numCache>
                <c:formatCode>0.0%</c:formatCode>
                <c:ptCount val="9"/>
                <c:pt idx="0">
                  <c:v>0.156</c:v>
                </c:pt>
                <c:pt idx="1">
                  <c:v>0.13100000000000001</c:v>
                </c:pt>
                <c:pt idx="2">
                  <c:v>0.15</c:v>
                </c:pt>
                <c:pt idx="3">
                  <c:v>0.17499999999999999</c:v>
                </c:pt>
                <c:pt idx="4">
                  <c:v>0.23</c:v>
                </c:pt>
                <c:pt idx="5">
                  <c:v>0.25700000000000001</c:v>
                </c:pt>
                <c:pt idx="6">
                  <c:v>0.26100000000000001</c:v>
                </c:pt>
                <c:pt idx="7">
                  <c:v>0.27195281782437747</c:v>
                </c:pt>
                <c:pt idx="8">
                  <c:v>0.28306264501160094</c:v>
                </c:pt>
              </c:numCache>
            </c:numRef>
          </c:val>
          <c:smooth val="0"/>
          <c:extLst>
            <c:ext xmlns:c16="http://schemas.microsoft.com/office/drawing/2014/chart" uri="{C3380CC4-5D6E-409C-BE32-E72D297353CC}">
              <c16:uniqueId val="{00000004-0BC0-46F8-B998-595FF54639C5}"/>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3EEA-4A4D-AD7E-03A991DFA7DF}"/>
                </c:ext>
              </c:extLst>
            </c:dLbl>
            <c:dLbl>
              <c:idx val="11"/>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3EEA-4A4D-AD7E-03A991DFA7DF}"/>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3:$M$3</c:f>
              <c:numCache>
                <c:formatCode>#,##0_);[Red]\(#,##0\)</c:formatCode>
                <c:ptCount val="12"/>
                <c:pt idx="0">
                  <c:v>12</c:v>
                </c:pt>
                <c:pt idx="1">
                  <c:v>17</c:v>
                </c:pt>
                <c:pt idx="2">
                  <c:v>42</c:v>
                </c:pt>
                <c:pt idx="3">
                  <c:v>43</c:v>
                </c:pt>
                <c:pt idx="4">
                  <c:v>104</c:v>
                </c:pt>
                <c:pt idx="5">
                  <c:v>119</c:v>
                </c:pt>
                <c:pt idx="6">
                  <c:v>170</c:v>
                </c:pt>
                <c:pt idx="7">
                  <c:v>308</c:v>
                </c:pt>
                <c:pt idx="8">
                  <c:v>365</c:v>
                </c:pt>
                <c:pt idx="9">
                  <c:v>431</c:v>
                </c:pt>
                <c:pt idx="10">
                  <c:v>494</c:v>
                </c:pt>
                <c:pt idx="11">
                  <c:v>536</c:v>
                </c:pt>
              </c:numCache>
            </c:numRef>
          </c:val>
          <c:extLst>
            <c:ext xmlns:c16="http://schemas.microsoft.com/office/drawing/2014/chart" uri="{C3380CC4-5D6E-409C-BE32-E72D297353CC}">
              <c16:uniqueId val="{00000002-3EEA-4A4D-AD7E-03A991DFA7DF}"/>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3EEA-4A4D-AD7E-03A991DFA7DF}"/>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3EEA-4A4D-AD7E-03A991DFA7DF}"/>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4:$M$4</c:f>
              <c:numCache>
                <c:formatCode>0.0%</c:formatCode>
                <c:ptCount val="12"/>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6869118905047049</c:v>
                </c:pt>
                <c:pt idx="10">
                  <c:v>0.39710610932475882</c:v>
                </c:pt>
                <c:pt idx="11">
                  <c:v>0.38203848895224518</c:v>
                </c:pt>
              </c:numCache>
            </c:numRef>
          </c:val>
          <c:smooth val="0"/>
          <c:extLst>
            <c:ext xmlns:c16="http://schemas.microsoft.com/office/drawing/2014/chart" uri="{C3380CC4-5D6E-409C-BE32-E72D297353CC}">
              <c16:uniqueId val="{00000005-3EEA-4A4D-AD7E-03A991DFA7DF}"/>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14817664"/>
        <c:scaling>
          <c:orientation val="minMax"/>
          <c:max val="0.4"/>
        </c:scaling>
        <c:delete val="0"/>
        <c:axPos val="r"/>
        <c:numFmt formatCode="0.0%" sourceLinked="1"/>
        <c:majorTickMark val="out"/>
        <c:minorTickMark val="none"/>
        <c:tickLblPos val="nextTo"/>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7.1791403509140428E-2"/>
          <c:y val="0.14465040426313855"/>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9453756745118309E-2"/>
          <c:y val="9.2827065900572048E-2"/>
          <c:w val="0.86795314753824415"/>
          <c:h val="0.74785684145333831"/>
        </c:manualLayout>
      </c:layout>
      <c:barChart>
        <c:barDir val="col"/>
        <c:grouping val="stacked"/>
        <c:varyColors val="0"/>
        <c:ser>
          <c:idx val="3"/>
          <c:order val="0"/>
          <c:tx>
            <c:strRef>
              <c:f>グラフ!$N$17</c:f>
              <c:strCache>
                <c:ptCount val="1"/>
                <c:pt idx="0">
                  <c:v>その他</c:v>
                </c:pt>
              </c:strCache>
            </c:strRef>
          </c:tx>
          <c:spPr>
            <a:solidFill>
              <a:srgbClr val="00B0F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N$18:$N$27</c:f>
              <c:numCache>
                <c:formatCode>#,##0_);[Red]\(#,##0\)</c:formatCode>
                <c:ptCount val="10"/>
                <c:pt idx="0">
                  <c:v>47.767400000000002</c:v>
                </c:pt>
                <c:pt idx="1">
                  <c:v>38</c:v>
                </c:pt>
                <c:pt idx="2">
                  <c:v>50.766300000000001</c:v>
                </c:pt>
                <c:pt idx="3">
                  <c:v>63.845799999999997</c:v>
                </c:pt>
                <c:pt idx="4">
                  <c:v>78.144999999999996</c:v>
                </c:pt>
                <c:pt idx="5">
                  <c:v>97.400300000000001</c:v>
                </c:pt>
                <c:pt idx="6">
                  <c:v>118.20180000000001</c:v>
                </c:pt>
                <c:pt idx="7">
                  <c:v>132.71809999999999</c:v>
                </c:pt>
                <c:pt idx="8">
                  <c:v>148</c:v>
                </c:pt>
                <c:pt idx="9" formatCode="General">
                  <c:v>182</c:v>
                </c:pt>
              </c:numCache>
            </c:numRef>
          </c:val>
          <c:extLst>
            <c:ext xmlns:c16="http://schemas.microsoft.com/office/drawing/2014/chart" uri="{C3380CC4-5D6E-409C-BE32-E72D297353CC}">
              <c16:uniqueId val="{00000000-CA53-4E60-A61A-E6B5725A39BB}"/>
            </c:ext>
          </c:extLst>
        </c:ser>
        <c:ser>
          <c:idx val="1"/>
          <c:order val="1"/>
          <c:tx>
            <c:strRef>
              <c:f>グラフ!$L$17</c:f>
              <c:strCache>
                <c:ptCount val="1"/>
                <c:pt idx="0">
                  <c:v>台湾</c:v>
                </c:pt>
              </c:strCache>
            </c:strRef>
          </c:tx>
          <c:spPr>
            <a:pattFill prst="dkVert">
              <a:fgClr>
                <a:srgbClr val="FFC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L$18:$L$27</c:f>
              <c:numCache>
                <c:formatCode>#,##0_);[Red]\(#,##0\)</c:formatCode>
                <c:ptCount val="10"/>
                <c:pt idx="0">
                  <c:v>22.458100000000002</c:v>
                </c:pt>
                <c:pt idx="1">
                  <c:v>19.4908</c:v>
                </c:pt>
                <c:pt idx="2">
                  <c:v>30.455200000000001</c:v>
                </c:pt>
                <c:pt idx="3">
                  <c:v>50</c:v>
                </c:pt>
                <c:pt idx="4">
                  <c:v>70.614999999999995</c:v>
                </c:pt>
                <c:pt idx="5">
                  <c:v>98.155100000000004</c:v>
                </c:pt>
                <c:pt idx="6">
                  <c:v>112.5592</c:v>
                </c:pt>
                <c:pt idx="7">
                  <c:v>114</c:v>
                </c:pt>
                <c:pt idx="8">
                  <c:v>106</c:v>
                </c:pt>
                <c:pt idx="9" formatCode="General">
                  <c:v>110</c:v>
                </c:pt>
              </c:numCache>
            </c:numRef>
          </c:val>
          <c:extLst>
            <c:ext xmlns:c16="http://schemas.microsoft.com/office/drawing/2014/chart" uri="{C3380CC4-5D6E-409C-BE32-E72D297353CC}">
              <c16:uniqueId val="{00000001-CA53-4E60-A61A-E6B5725A39BB}"/>
            </c:ext>
          </c:extLst>
        </c:ser>
        <c:ser>
          <c:idx val="2"/>
          <c:order val="2"/>
          <c:tx>
            <c:strRef>
              <c:f>グラフ!$M$17</c:f>
              <c:strCache>
                <c:ptCount val="1"/>
                <c:pt idx="0">
                  <c:v>韓国</c:v>
                </c:pt>
              </c:strCache>
            </c:strRef>
          </c:tx>
          <c:spPr>
            <a:pattFill prst="dotGrid">
              <a:fgClr>
                <a:srgbClr val="FF0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M$18:$M$27</c:f>
              <c:numCache>
                <c:formatCode>#,##0_);[Red]\(#,##0\)</c:formatCode>
                <c:ptCount val="10"/>
                <c:pt idx="0">
                  <c:v>53.649700000000003</c:v>
                </c:pt>
                <c:pt idx="1">
                  <c:v>40.110100000000003</c:v>
                </c:pt>
                <c:pt idx="2">
                  <c:v>49</c:v>
                </c:pt>
                <c:pt idx="3">
                  <c:v>61.586300000000001</c:v>
                </c:pt>
                <c:pt idx="4">
                  <c:v>71.069699999999997</c:v>
                </c:pt>
                <c:pt idx="5">
                  <c:v>115.6033</c:v>
                </c:pt>
                <c:pt idx="6">
                  <c:v>163.27610000000001</c:v>
                </c:pt>
                <c:pt idx="7">
                  <c:v>214.79589999999999</c:v>
                </c:pt>
                <c:pt idx="8">
                  <c:v>216</c:v>
                </c:pt>
                <c:pt idx="9" formatCode="General">
                  <c:v>151</c:v>
                </c:pt>
              </c:numCache>
            </c:numRef>
          </c:val>
          <c:extLst>
            <c:ext xmlns:c16="http://schemas.microsoft.com/office/drawing/2014/chart" uri="{C3380CC4-5D6E-409C-BE32-E72D297353CC}">
              <c16:uniqueId val="{00000002-CA53-4E60-A61A-E6B5725A39BB}"/>
            </c:ext>
          </c:extLst>
        </c:ser>
        <c:ser>
          <c:idx val="0"/>
          <c:order val="3"/>
          <c:tx>
            <c:strRef>
              <c:f>グラフ!$K$17</c:f>
              <c:strCache>
                <c:ptCount val="1"/>
                <c:pt idx="0">
                  <c:v>中国</c:v>
                </c:pt>
              </c:strCache>
            </c:strRef>
          </c:tx>
          <c:spPr>
            <a:pattFill prst="pct40">
              <a:fgClr>
                <a:srgbClr val="92D05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K$18:$K$27</c:f>
              <c:numCache>
                <c:formatCode>#,##0_);[Red]\(#,##0\)</c:formatCode>
                <c:ptCount val="10"/>
                <c:pt idx="0">
                  <c:v>50.660299999999999</c:v>
                </c:pt>
                <c:pt idx="1">
                  <c:v>37.024500000000003</c:v>
                </c:pt>
                <c:pt idx="2">
                  <c:v>49.4452</c:v>
                </c:pt>
                <c:pt idx="3">
                  <c:v>56.315800000000003</c:v>
                </c:pt>
                <c:pt idx="4">
                  <c:v>97.214500000000001</c:v>
                </c:pt>
                <c:pt idx="5">
                  <c:v>189.6164</c:v>
                </c:pt>
                <c:pt idx="6">
                  <c:v>214.62289999999999</c:v>
                </c:pt>
                <c:pt idx="7">
                  <c:v>253.816</c:v>
                </c:pt>
                <c:pt idx="8">
                  <c:v>295</c:v>
                </c:pt>
                <c:pt idx="9" formatCode="General">
                  <c:v>395</c:v>
                </c:pt>
              </c:numCache>
            </c:numRef>
          </c:val>
          <c:extLst>
            <c:ext xmlns:c16="http://schemas.microsoft.com/office/drawing/2014/chart" uri="{C3380CC4-5D6E-409C-BE32-E72D297353CC}">
              <c16:uniqueId val="{00000003-CA53-4E60-A61A-E6B5725A39BB}"/>
            </c:ext>
          </c:extLst>
        </c:ser>
        <c:ser>
          <c:idx val="4"/>
          <c:order val="4"/>
          <c:tx>
            <c:strRef>
              <c:f>グラフ!$O$17</c:f>
              <c:strCache>
                <c:ptCount val="1"/>
                <c:pt idx="0">
                  <c:v>総数</c:v>
                </c:pt>
              </c:strCache>
            </c:strRef>
          </c:tx>
          <c:spPr>
            <a:no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8:$J$27</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O$18:$O$27</c:f>
              <c:numCache>
                <c:formatCode>#,##0_);[Red]\(#,##0\)</c:formatCode>
                <c:ptCount val="10"/>
                <c:pt idx="0">
                  <c:v>174.53550000000001</c:v>
                </c:pt>
                <c:pt idx="1">
                  <c:v>133.8783</c:v>
                </c:pt>
                <c:pt idx="2">
                  <c:v>179.15770000000001</c:v>
                </c:pt>
                <c:pt idx="3">
                  <c:v>232.31110000000001</c:v>
                </c:pt>
                <c:pt idx="4">
                  <c:v>317.04419999999999</c:v>
                </c:pt>
                <c:pt idx="5">
                  <c:v>500.77510000000001</c:v>
                </c:pt>
                <c:pt idx="6">
                  <c:v>608.66</c:v>
                </c:pt>
                <c:pt idx="7">
                  <c:v>715.99959999999999</c:v>
                </c:pt>
                <c:pt idx="8">
                  <c:v>765</c:v>
                </c:pt>
                <c:pt idx="9" formatCode="General">
                  <c:v>834</c:v>
                </c:pt>
              </c:numCache>
            </c:numRef>
          </c:val>
          <c:extLst>
            <c:ext xmlns:c16="http://schemas.microsoft.com/office/drawing/2014/chart" uri="{C3380CC4-5D6E-409C-BE32-E72D297353CC}">
              <c16:uniqueId val="{00000004-CA53-4E60-A61A-E6B5725A39BB}"/>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471129312685313E-2"/>
          <c:y val="9.3395333457333585E-2"/>
          <c:w val="0.85696738762963398"/>
          <c:h val="0.74743021738234106"/>
        </c:manualLayout>
      </c:layout>
      <c:lineChart>
        <c:grouping val="standard"/>
        <c:varyColors val="0"/>
        <c:ser>
          <c:idx val="0"/>
          <c:order val="0"/>
          <c:tx>
            <c:strRef>
              <c:f>輸出額!$H$2</c:f>
              <c:strCache>
                <c:ptCount val="1"/>
                <c:pt idx="0">
                  <c:v>全国（左目盛）</c:v>
                </c:pt>
              </c:strCache>
            </c:strRef>
          </c:tx>
          <c:spPr>
            <a:ln>
              <a:solidFill>
                <a:srgbClr val="FF0000"/>
              </a:solidFill>
              <a:prstDash val="sysDash"/>
            </a:ln>
          </c:spPr>
          <c:marker>
            <c:symbol val="none"/>
          </c:marker>
          <c:cat>
            <c:numRef>
              <c:f>輸出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出額!$H$3:$H$82</c:f>
              <c:numCache>
                <c:formatCode>0.00</c:formatCode>
                <c:ptCount val="80"/>
                <c:pt idx="0">
                  <c:v>9.7648065998532445</c:v>
                </c:pt>
                <c:pt idx="1">
                  <c:v>1.8025918906888734</c:v>
                </c:pt>
                <c:pt idx="2">
                  <c:v>5.0454225150932359</c:v>
                </c:pt>
                <c:pt idx="3">
                  <c:v>-2.7613073188737047</c:v>
                </c:pt>
                <c:pt idx="4">
                  <c:v>-1.9574618670847173</c:v>
                </c:pt>
                <c:pt idx="5">
                  <c:v>3.9174476382215317</c:v>
                </c:pt>
                <c:pt idx="6">
                  <c:v>-1.3367611477470973</c:v>
                </c:pt>
                <c:pt idx="7">
                  <c:v>6.8856212160544032</c:v>
                </c:pt>
                <c:pt idx="8">
                  <c:v>9.5747659868500108</c:v>
                </c:pt>
                <c:pt idx="9">
                  <c:v>4.8943244843198954</c:v>
                </c:pt>
                <c:pt idx="10">
                  <c:v>12.810659633751058</c:v>
                </c:pt>
                <c:pt idx="11">
                  <c:v>16.926676487842428</c:v>
                </c:pt>
                <c:pt idx="12">
                  <c:v>2.4413666093596049</c:v>
                </c:pt>
                <c:pt idx="13">
                  <c:v>8.5138884798338808</c:v>
                </c:pt>
                <c:pt idx="14">
                  <c:v>7.937589477289464</c:v>
                </c:pt>
                <c:pt idx="15">
                  <c:v>2.3521546255098826</c:v>
                </c:pt>
                <c:pt idx="16">
                  <c:v>9.5063885349803741</c:v>
                </c:pt>
                <c:pt idx="17">
                  <c:v>7.6059308278953353</c:v>
                </c:pt>
                <c:pt idx="18">
                  <c:v>3.0740337507758824</c:v>
                </c:pt>
                <c:pt idx="19">
                  <c:v>0.48911899822110172</c:v>
                </c:pt>
                <c:pt idx="20">
                  <c:v>-2.1835971811701995</c:v>
                </c:pt>
                <c:pt idx="21">
                  <c:v>-3.3746159001693599</c:v>
                </c:pt>
                <c:pt idx="22">
                  <c:v>-8.0379244679622275</c:v>
                </c:pt>
                <c:pt idx="23">
                  <c:v>-12.870377788764245</c:v>
                </c:pt>
                <c:pt idx="24">
                  <c:v>-4.014527461099604</c:v>
                </c:pt>
                <c:pt idx="25">
                  <c:v>-6.7845470185762764</c:v>
                </c:pt>
                <c:pt idx="26">
                  <c:v>-10.066302527039426</c:v>
                </c:pt>
                <c:pt idx="27">
                  <c:v>-11.257259007739989</c:v>
                </c:pt>
                <c:pt idx="28">
                  <c:v>-7.3693363426459371</c:v>
                </c:pt>
                <c:pt idx="29">
                  <c:v>-14.024554880321119</c:v>
                </c:pt>
                <c:pt idx="30">
                  <c:v>-9.5879976565363165</c:v>
                </c:pt>
                <c:pt idx="31">
                  <c:v>-6.9286294441413361</c:v>
                </c:pt>
                <c:pt idx="32">
                  <c:v>-10.258588137813803</c:v>
                </c:pt>
                <c:pt idx="33">
                  <c:v>-0.37317389659381206</c:v>
                </c:pt>
                <c:pt idx="34">
                  <c:v>5.3815602335556889</c:v>
                </c:pt>
                <c:pt idx="35">
                  <c:v>1.3158681672266255</c:v>
                </c:pt>
                <c:pt idx="36">
                  <c:v>11.308980165043451</c:v>
                </c:pt>
                <c:pt idx="37">
                  <c:v>11.944087413054746</c:v>
                </c:pt>
                <c:pt idx="38">
                  <c:v>7.4817078585447376</c:v>
                </c:pt>
                <c:pt idx="39">
                  <c:v>14.919095732396116</c:v>
                </c:pt>
                <c:pt idx="40">
                  <c:v>9.669605586004721</c:v>
                </c:pt>
                <c:pt idx="41">
                  <c:v>13.375507752294567</c:v>
                </c:pt>
                <c:pt idx="42">
                  <c:v>18.09672460256418</c:v>
                </c:pt>
                <c:pt idx="43">
                  <c:v>14.102114124278813</c:v>
                </c:pt>
                <c:pt idx="44">
                  <c:v>14.014029395020231</c:v>
                </c:pt>
                <c:pt idx="45">
                  <c:v>16.177699863491441</c:v>
                </c:pt>
                <c:pt idx="46">
                  <c:v>9.3571401727913894</c:v>
                </c:pt>
                <c:pt idx="47">
                  <c:v>12.26760957781876</c:v>
                </c:pt>
                <c:pt idx="48">
                  <c:v>1.8224477452225045</c:v>
                </c:pt>
                <c:pt idx="49">
                  <c:v>2.1319734731525983</c:v>
                </c:pt>
                <c:pt idx="50">
                  <c:v>7.7736687208440856</c:v>
                </c:pt>
                <c:pt idx="51">
                  <c:v>8.1218077194402412</c:v>
                </c:pt>
                <c:pt idx="52">
                  <c:v>6.7473661733685049</c:v>
                </c:pt>
                <c:pt idx="53">
                  <c:v>3.8999852185802411</c:v>
                </c:pt>
                <c:pt idx="54">
                  <c:v>6.5193105471605719</c:v>
                </c:pt>
                <c:pt idx="55">
                  <c:v>-1.3782436658098334</c:v>
                </c:pt>
                <c:pt idx="56">
                  <c:v>8.2260107122408925</c:v>
                </c:pt>
                <c:pt idx="57">
                  <c:v>0.10238421551869692</c:v>
                </c:pt>
                <c:pt idx="58">
                  <c:v>-3.8620995397375992</c:v>
                </c:pt>
                <c:pt idx="59">
                  <c:v>-8.4052282942285785</c:v>
                </c:pt>
                <c:pt idx="60">
                  <c:v>-1.1972681792833981</c:v>
                </c:pt>
                <c:pt idx="61">
                  <c:v>-2.4376542329367936</c:v>
                </c:pt>
                <c:pt idx="62">
                  <c:v>-2.3157074513820817</c:v>
                </c:pt>
                <c:pt idx="63">
                  <c:v>-7.7294423327289792</c:v>
                </c:pt>
                <c:pt idx="64">
                  <c:v>-6.6452929505722835</c:v>
                </c:pt>
                <c:pt idx="65">
                  <c:v>-1.5481784784370944</c:v>
                </c:pt>
                <c:pt idx="66">
                  <c:v>-8.210173749214988</c:v>
                </c:pt>
                <c:pt idx="67">
                  <c:v>-5.1785299283337451</c:v>
                </c:pt>
                <c:pt idx="68">
                  <c:v>-9.2123201291978773</c:v>
                </c:pt>
                <c:pt idx="69">
                  <c:v>-7.9122466453118818</c:v>
                </c:pt>
                <c:pt idx="70">
                  <c:v>-6.3473380164670203</c:v>
                </c:pt>
                <c:pt idx="71">
                  <c:v>-2.569252458954054</c:v>
                </c:pt>
                <c:pt idx="72">
                  <c:v>-1.0043820147119504</c:v>
                </c:pt>
                <c:pt idx="73">
                  <c:v>-11.720019044321077</c:v>
                </c:pt>
                <c:pt idx="74">
                  <c:v>-21.881747714011411</c:v>
                </c:pt>
                <c:pt idx="75">
                  <c:v>-28.301884206849763</c:v>
                </c:pt>
                <c:pt idx="76">
                  <c:v>-26.161127408035767</c:v>
                </c:pt>
                <c:pt idx="77">
                  <c:v>-19.180984005322529</c:v>
                </c:pt>
                <c:pt idx="78">
                  <c:v>-14.752505408293587</c:v>
                </c:pt>
                <c:pt idx="79">
                  <c:v>-4.9435578229284403</c:v>
                </c:pt>
              </c:numCache>
            </c:numRef>
          </c:val>
          <c:smooth val="0"/>
          <c:extLst>
            <c:ext xmlns:c16="http://schemas.microsoft.com/office/drawing/2014/chart" uri="{C3380CC4-5D6E-409C-BE32-E72D297353CC}">
              <c16:uniqueId val="{00000000-A046-4C37-A7D9-A67BBCD01097}"/>
            </c:ext>
          </c:extLst>
        </c:ser>
        <c:ser>
          <c:idx val="1"/>
          <c:order val="1"/>
          <c:tx>
            <c:strRef>
              <c:f>輸出額!$I$2</c:f>
              <c:strCache>
                <c:ptCount val="1"/>
                <c:pt idx="0">
                  <c:v>近畿圏（左目盛）</c:v>
                </c:pt>
              </c:strCache>
            </c:strRef>
          </c:tx>
          <c:spPr>
            <a:ln>
              <a:solidFill>
                <a:srgbClr val="0070C0"/>
              </a:solidFill>
              <a:prstDash val="solid"/>
            </a:ln>
          </c:spPr>
          <c:marker>
            <c:symbol val="none"/>
          </c:marker>
          <c:cat>
            <c:numRef>
              <c:f>輸出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出額!$I$3:$I$82</c:f>
              <c:numCache>
                <c:formatCode>0.00</c:formatCode>
                <c:ptCount val="80"/>
                <c:pt idx="0">
                  <c:v>14.942169042586386</c:v>
                </c:pt>
                <c:pt idx="1">
                  <c:v>3.0963064871361468</c:v>
                </c:pt>
                <c:pt idx="2">
                  <c:v>8.5690206868945609</c:v>
                </c:pt>
                <c:pt idx="3">
                  <c:v>1.1966459718207005</c:v>
                </c:pt>
                <c:pt idx="4">
                  <c:v>1.4800764093284755</c:v>
                </c:pt>
                <c:pt idx="5">
                  <c:v>5.4745259729182578</c:v>
                </c:pt>
                <c:pt idx="6">
                  <c:v>1.3289914097699693</c:v>
                </c:pt>
                <c:pt idx="7">
                  <c:v>7.4968949942045242</c:v>
                </c:pt>
                <c:pt idx="8">
                  <c:v>10.936226556972017</c:v>
                </c:pt>
                <c:pt idx="9">
                  <c:v>6.4637106024687938</c:v>
                </c:pt>
                <c:pt idx="10">
                  <c:v>14.698549687864954</c:v>
                </c:pt>
                <c:pt idx="11">
                  <c:v>19.89909334784663</c:v>
                </c:pt>
                <c:pt idx="12">
                  <c:v>2.4702378497001121</c:v>
                </c:pt>
                <c:pt idx="13">
                  <c:v>7.9261143613342426</c:v>
                </c:pt>
                <c:pt idx="14">
                  <c:v>5.3156277780782517</c:v>
                </c:pt>
                <c:pt idx="15">
                  <c:v>2.6871357498223176</c:v>
                </c:pt>
                <c:pt idx="16">
                  <c:v>7.3372186042974761</c:v>
                </c:pt>
                <c:pt idx="17">
                  <c:v>4.8344854366561947</c:v>
                </c:pt>
                <c:pt idx="18">
                  <c:v>2.0260726116660095</c:v>
                </c:pt>
                <c:pt idx="19">
                  <c:v>2.8610965472695398</c:v>
                </c:pt>
                <c:pt idx="20">
                  <c:v>-1.8953092656913384</c:v>
                </c:pt>
                <c:pt idx="21">
                  <c:v>-6.4724588765798359</c:v>
                </c:pt>
                <c:pt idx="22">
                  <c:v>-10.80017991304203</c:v>
                </c:pt>
                <c:pt idx="23">
                  <c:v>-14.890567924256317</c:v>
                </c:pt>
                <c:pt idx="24">
                  <c:v>-3.3949464273637489</c:v>
                </c:pt>
                <c:pt idx="25">
                  <c:v>-8.3583272105188087</c:v>
                </c:pt>
                <c:pt idx="26">
                  <c:v>-8.795794325261312</c:v>
                </c:pt>
                <c:pt idx="27">
                  <c:v>-12.759619271211122</c:v>
                </c:pt>
                <c:pt idx="28">
                  <c:v>-7.3410339022135247</c:v>
                </c:pt>
                <c:pt idx="29">
                  <c:v>-12.681265150153436</c:v>
                </c:pt>
                <c:pt idx="30">
                  <c:v>-9.3616212393248901</c:v>
                </c:pt>
                <c:pt idx="31">
                  <c:v>-8.8947045888756691</c:v>
                </c:pt>
                <c:pt idx="32">
                  <c:v>-10.887472561740992</c:v>
                </c:pt>
                <c:pt idx="33">
                  <c:v>1.1405829754106378</c:v>
                </c:pt>
                <c:pt idx="34">
                  <c:v>5.9968146871012777</c:v>
                </c:pt>
                <c:pt idx="35">
                  <c:v>-1.7221823318651559</c:v>
                </c:pt>
                <c:pt idx="36">
                  <c:v>12.809227550973645</c:v>
                </c:pt>
                <c:pt idx="37">
                  <c:v>10.4264236683983</c:v>
                </c:pt>
                <c:pt idx="38">
                  <c:v>5.9194549967880334</c:v>
                </c:pt>
                <c:pt idx="39">
                  <c:v>12.383182866246131</c:v>
                </c:pt>
                <c:pt idx="40">
                  <c:v>7.9679640008488093</c:v>
                </c:pt>
                <c:pt idx="41">
                  <c:v>10.79248270689223</c:v>
                </c:pt>
                <c:pt idx="42">
                  <c:v>17.376009971505127</c:v>
                </c:pt>
                <c:pt idx="43">
                  <c:v>17.311636843621315</c:v>
                </c:pt>
                <c:pt idx="44">
                  <c:v>14.396464612008671</c:v>
                </c:pt>
                <c:pt idx="45">
                  <c:v>21.524200948279443</c:v>
                </c:pt>
                <c:pt idx="46">
                  <c:v>12.01533560736334</c:v>
                </c:pt>
                <c:pt idx="47">
                  <c:v>18.671593616477097</c:v>
                </c:pt>
                <c:pt idx="48">
                  <c:v>-0.54374285691066859</c:v>
                </c:pt>
                <c:pt idx="49">
                  <c:v>8.3849255291120812</c:v>
                </c:pt>
                <c:pt idx="50">
                  <c:v>7.5309853850364306</c:v>
                </c:pt>
                <c:pt idx="51">
                  <c:v>12.665705505485008</c:v>
                </c:pt>
                <c:pt idx="52">
                  <c:v>9.5625394705847384</c:v>
                </c:pt>
                <c:pt idx="53">
                  <c:v>7.8792747700276493</c:v>
                </c:pt>
                <c:pt idx="54">
                  <c:v>9.6997764038417245</c:v>
                </c:pt>
                <c:pt idx="55">
                  <c:v>-25.116648981846808</c:v>
                </c:pt>
                <c:pt idx="56">
                  <c:v>6.4467808192747498</c:v>
                </c:pt>
                <c:pt idx="57">
                  <c:v>-1.0177591540115429</c:v>
                </c:pt>
                <c:pt idx="58">
                  <c:v>-7.2104204836014389</c:v>
                </c:pt>
                <c:pt idx="59">
                  <c:v>-8.874407711072692</c:v>
                </c:pt>
                <c:pt idx="60">
                  <c:v>-1.9496798816836218</c:v>
                </c:pt>
                <c:pt idx="61">
                  <c:v>-6.225391102209926</c:v>
                </c:pt>
                <c:pt idx="62">
                  <c:v>-5.6883469381928791</c:v>
                </c:pt>
                <c:pt idx="63">
                  <c:v>-10.419195380322108</c:v>
                </c:pt>
                <c:pt idx="64">
                  <c:v>-10.947369948334156</c:v>
                </c:pt>
                <c:pt idx="65">
                  <c:v>-1.6660786279779103</c:v>
                </c:pt>
                <c:pt idx="66">
                  <c:v>-13.007775176014661</c:v>
                </c:pt>
                <c:pt idx="67">
                  <c:v>27.473110530582829</c:v>
                </c:pt>
                <c:pt idx="68">
                  <c:v>-7.8571287331017601</c:v>
                </c:pt>
                <c:pt idx="69">
                  <c:v>-10.176719770088198</c:v>
                </c:pt>
                <c:pt idx="70">
                  <c:v>-4.0931512979682054</c:v>
                </c:pt>
                <c:pt idx="71">
                  <c:v>-3.5617587969516933</c:v>
                </c:pt>
                <c:pt idx="72">
                  <c:v>0.76243926016724117</c:v>
                </c:pt>
                <c:pt idx="73">
                  <c:v>-5.2494200888808251</c:v>
                </c:pt>
                <c:pt idx="74">
                  <c:v>-5.3637046241353517</c:v>
                </c:pt>
                <c:pt idx="75">
                  <c:v>-16.967835128353329</c:v>
                </c:pt>
                <c:pt idx="76">
                  <c:v>-14.116607629922186</c:v>
                </c:pt>
                <c:pt idx="77">
                  <c:v>-11.754353122704302</c:v>
                </c:pt>
                <c:pt idx="78">
                  <c:v>-8.668080116370831</c:v>
                </c:pt>
                <c:pt idx="79">
                  <c:v>-5.7297861108814345</c:v>
                </c:pt>
              </c:numCache>
            </c:numRef>
          </c:val>
          <c:smooth val="0"/>
          <c:extLst>
            <c:ext xmlns:c16="http://schemas.microsoft.com/office/drawing/2014/chart" uri="{C3380CC4-5D6E-409C-BE32-E72D297353CC}">
              <c16:uniqueId val="{00000001-A046-4C37-A7D9-A67BBCD01097}"/>
            </c:ext>
          </c:extLst>
        </c:ser>
        <c:dLbls>
          <c:showLegendKey val="0"/>
          <c:showVal val="0"/>
          <c:showCatName val="0"/>
          <c:showSerName val="0"/>
          <c:showPercent val="0"/>
          <c:showBubbleSize val="0"/>
        </c:dLbls>
        <c:marker val="1"/>
        <c:smooth val="0"/>
        <c:axId val="117886336"/>
        <c:axId val="117965952"/>
      </c:lineChart>
      <c:lineChart>
        <c:grouping val="standard"/>
        <c:varyColors val="0"/>
        <c:ser>
          <c:idx val="2"/>
          <c:order val="2"/>
          <c:tx>
            <c:strRef>
              <c:f>輸出額!$J$2</c:f>
              <c:strCache>
                <c:ptCount val="1"/>
                <c:pt idx="0">
                  <c:v>対ドル為替レート</c:v>
                </c:pt>
              </c:strCache>
            </c:strRef>
          </c:tx>
          <c:spPr>
            <a:ln cmpd="dbl">
              <a:prstDash val="solid"/>
            </a:ln>
          </c:spPr>
          <c:marker>
            <c:symbol val="none"/>
          </c:marker>
          <c:cat>
            <c:numRef>
              <c:f>輸出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出額!$J$3:$J$82</c:f>
              <c:numCache>
                <c:formatCode>General</c:formatCode>
                <c:ptCount val="80"/>
                <c:pt idx="0">
                  <c:v>102.02</c:v>
                </c:pt>
                <c:pt idx="1">
                  <c:v>102.3</c:v>
                </c:pt>
                <c:pt idx="2">
                  <c:v>102.54</c:v>
                </c:pt>
                <c:pt idx="3">
                  <c:v>101.78</c:v>
                </c:pt>
                <c:pt idx="4">
                  <c:v>102.05</c:v>
                </c:pt>
                <c:pt idx="5">
                  <c:v>101.73</c:v>
                </c:pt>
                <c:pt idx="6">
                  <c:v>102.95</c:v>
                </c:pt>
                <c:pt idx="7">
                  <c:v>107.16</c:v>
                </c:pt>
                <c:pt idx="8">
                  <c:v>108.03</c:v>
                </c:pt>
                <c:pt idx="9">
                  <c:v>116.24</c:v>
                </c:pt>
                <c:pt idx="10">
                  <c:v>119.29</c:v>
                </c:pt>
                <c:pt idx="11">
                  <c:v>118.25</c:v>
                </c:pt>
                <c:pt idx="12">
                  <c:v>118.59</c:v>
                </c:pt>
                <c:pt idx="13">
                  <c:v>120.37</c:v>
                </c:pt>
                <c:pt idx="14">
                  <c:v>119.57</c:v>
                </c:pt>
                <c:pt idx="15">
                  <c:v>120.82</c:v>
                </c:pt>
                <c:pt idx="16">
                  <c:v>123.7</c:v>
                </c:pt>
                <c:pt idx="17">
                  <c:v>123.31</c:v>
                </c:pt>
                <c:pt idx="18">
                  <c:v>123.17</c:v>
                </c:pt>
                <c:pt idx="19">
                  <c:v>120.13</c:v>
                </c:pt>
                <c:pt idx="20">
                  <c:v>119.99</c:v>
                </c:pt>
                <c:pt idx="21">
                  <c:v>122.58</c:v>
                </c:pt>
                <c:pt idx="22">
                  <c:v>121.78</c:v>
                </c:pt>
                <c:pt idx="23">
                  <c:v>118.18</c:v>
                </c:pt>
                <c:pt idx="24">
                  <c:v>115.01</c:v>
                </c:pt>
                <c:pt idx="25">
                  <c:v>113.05</c:v>
                </c:pt>
                <c:pt idx="26">
                  <c:v>109.72</c:v>
                </c:pt>
                <c:pt idx="27">
                  <c:v>109.24</c:v>
                </c:pt>
                <c:pt idx="28">
                  <c:v>105.44</c:v>
                </c:pt>
                <c:pt idx="29">
                  <c:v>103.97</c:v>
                </c:pt>
                <c:pt idx="30">
                  <c:v>101.28</c:v>
                </c:pt>
                <c:pt idx="31">
                  <c:v>101.99</c:v>
                </c:pt>
                <c:pt idx="32">
                  <c:v>103.81</c:v>
                </c:pt>
                <c:pt idx="33">
                  <c:v>108.33</c:v>
                </c:pt>
                <c:pt idx="34">
                  <c:v>116.01</c:v>
                </c:pt>
                <c:pt idx="35">
                  <c:v>114.69</c:v>
                </c:pt>
                <c:pt idx="36">
                  <c:v>113.13</c:v>
                </c:pt>
                <c:pt idx="37">
                  <c:v>113.02</c:v>
                </c:pt>
                <c:pt idx="38">
                  <c:v>110.08</c:v>
                </c:pt>
                <c:pt idx="39">
                  <c:v>112.24</c:v>
                </c:pt>
                <c:pt idx="40">
                  <c:v>110.89</c:v>
                </c:pt>
                <c:pt idx="41">
                  <c:v>112.5</c:v>
                </c:pt>
                <c:pt idx="42">
                  <c:v>109.9</c:v>
                </c:pt>
                <c:pt idx="43">
                  <c:v>110.67</c:v>
                </c:pt>
                <c:pt idx="44">
                  <c:v>112.94</c:v>
                </c:pt>
                <c:pt idx="45">
                  <c:v>112.89</c:v>
                </c:pt>
                <c:pt idx="46">
                  <c:v>112.96</c:v>
                </c:pt>
                <c:pt idx="47">
                  <c:v>110.74</c:v>
                </c:pt>
                <c:pt idx="48">
                  <c:v>107.9</c:v>
                </c:pt>
                <c:pt idx="49">
                  <c:v>106.01</c:v>
                </c:pt>
                <c:pt idx="50">
                  <c:v>107.49</c:v>
                </c:pt>
                <c:pt idx="51">
                  <c:v>109.74</c:v>
                </c:pt>
                <c:pt idx="52">
                  <c:v>110.02</c:v>
                </c:pt>
                <c:pt idx="53">
                  <c:v>111.41</c:v>
                </c:pt>
                <c:pt idx="54">
                  <c:v>111.06</c:v>
                </c:pt>
                <c:pt idx="55">
                  <c:v>111.91</c:v>
                </c:pt>
                <c:pt idx="56">
                  <c:v>112.81</c:v>
                </c:pt>
                <c:pt idx="57">
                  <c:v>113.36</c:v>
                </c:pt>
                <c:pt idx="58">
                  <c:v>112.38</c:v>
                </c:pt>
                <c:pt idx="59">
                  <c:v>108.97</c:v>
                </c:pt>
                <c:pt idx="60">
                  <c:v>110.36</c:v>
                </c:pt>
                <c:pt idx="61">
                  <c:v>111.22</c:v>
                </c:pt>
                <c:pt idx="62">
                  <c:v>111.63</c:v>
                </c:pt>
                <c:pt idx="63">
                  <c:v>109.76</c:v>
                </c:pt>
                <c:pt idx="64">
                  <c:v>108.07</c:v>
                </c:pt>
                <c:pt idx="65">
                  <c:v>108.23</c:v>
                </c:pt>
                <c:pt idx="66">
                  <c:v>106.34</c:v>
                </c:pt>
                <c:pt idx="67">
                  <c:v>107.4</c:v>
                </c:pt>
                <c:pt idx="68">
                  <c:v>108.12</c:v>
                </c:pt>
                <c:pt idx="69">
                  <c:v>108.88</c:v>
                </c:pt>
                <c:pt idx="70">
                  <c:v>109.18</c:v>
                </c:pt>
                <c:pt idx="71">
                  <c:v>109.34</c:v>
                </c:pt>
                <c:pt idx="72">
                  <c:v>109.96</c:v>
                </c:pt>
                <c:pt idx="73">
                  <c:v>107.29</c:v>
                </c:pt>
                <c:pt idx="74">
                  <c:v>107.93</c:v>
                </c:pt>
                <c:pt idx="75">
                  <c:v>107.31</c:v>
                </c:pt>
                <c:pt idx="76">
                  <c:v>107.56</c:v>
                </c:pt>
                <c:pt idx="77">
                  <c:v>106.78</c:v>
                </c:pt>
                <c:pt idx="78">
                  <c:v>106.04</c:v>
                </c:pt>
                <c:pt idx="79">
                  <c:v>105.74</c:v>
                </c:pt>
              </c:numCache>
            </c:numRef>
          </c:val>
          <c:smooth val="0"/>
          <c:extLst>
            <c:ext xmlns:c16="http://schemas.microsoft.com/office/drawing/2014/chart" uri="{C3380CC4-5D6E-409C-BE32-E72D297353CC}">
              <c16:uniqueId val="{00000002-A046-4C37-A7D9-A67BBCD01097}"/>
            </c:ext>
          </c:extLst>
        </c:ser>
        <c:dLbls>
          <c:showLegendKey val="0"/>
          <c:showVal val="0"/>
          <c:showCatName val="0"/>
          <c:showSerName val="0"/>
          <c:showPercent val="0"/>
          <c:showBubbleSize val="0"/>
        </c:dLbls>
        <c:marker val="1"/>
        <c:smooth val="0"/>
        <c:axId val="117973376"/>
        <c:axId val="117967488"/>
      </c:lineChart>
      <c:dateAx>
        <c:axId val="117886336"/>
        <c:scaling>
          <c:orientation val="minMax"/>
        </c:scaling>
        <c:delete val="0"/>
        <c:axPos val="b"/>
        <c:numFmt formatCode="yyyy&quot;年&quot;m&quot;月&quot;" sourceLinked="1"/>
        <c:majorTickMark val="out"/>
        <c:minorTickMark val="none"/>
        <c:tickLblPos val="low"/>
        <c:txPr>
          <a:bodyPr rot="-2700000"/>
          <a:lstStyle/>
          <a:p>
            <a:pPr>
              <a:defRPr/>
            </a:pPr>
            <a:endParaRPr lang="ja-JP"/>
          </a:p>
        </c:txPr>
        <c:crossAx val="117965952"/>
        <c:crosses val="autoZero"/>
        <c:auto val="1"/>
        <c:lblOffset val="100"/>
        <c:baseTimeUnit val="months"/>
        <c:majorUnit val="4"/>
        <c:majorTimeUnit val="months"/>
      </c:dateAx>
      <c:valAx>
        <c:axId val="117965952"/>
        <c:scaling>
          <c:orientation val="minMax"/>
        </c:scaling>
        <c:delete val="0"/>
        <c:axPos val="l"/>
        <c:majorGridlines/>
        <c:numFmt formatCode="0.00" sourceLinked="1"/>
        <c:majorTickMark val="out"/>
        <c:minorTickMark val="none"/>
        <c:tickLblPos val="nextTo"/>
        <c:crossAx val="117886336"/>
        <c:crosses val="autoZero"/>
        <c:crossBetween val="between"/>
      </c:valAx>
      <c:valAx>
        <c:axId val="117967488"/>
        <c:scaling>
          <c:orientation val="minMax"/>
        </c:scaling>
        <c:delete val="0"/>
        <c:axPos val="r"/>
        <c:numFmt formatCode="General" sourceLinked="1"/>
        <c:majorTickMark val="out"/>
        <c:minorTickMark val="none"/>
        <c:tickLblPos val="nextTo"/>
        <c:crossAx val="117973376"/>
        <c:crosses val="max"/>
        <c:crossBetween val="between"/>
      </c:valAx>
      <c:dateAx>
        <c:axId val="117973376"/>
        <c:scaling>
          <c:orientation val="minMax"/>
        </c:scaling>
        <c:delete val="1"/>
        <c:axPos val="b"/>
        <c:numFmt formatCode="yyyy&quot;年&quot;m&quot;月&quot;" sourceLinked="1"/>
        <c:majorTickMark val="out"/>
        <c:minorTickMark val="none"/>
        <c:tickLblPos val="nextTo"/>
        <c:crossAx val="117967488"/>
        <c:crosses val="autoZero"/>
        <c:auto val="1"/>
        <c:lblOffset val="100"/>
        <c:baseTimeUnit val="months"/>
      </c:dateAx>
    </c:plotArea>
    <c:legend>
      <c:legendPos val="t"/>
      <c:legendEntry>
        <c:idx val="2"/>
        <c:delete val="1"/>
      </c:legendEntry>
      <c:layout>
        <c:manualLayout>
          <c:xMode val="edge"/>
          <c:yMode val="edge"/>
          <c:x val="0.34880925204147661"/>
          <c:y val="1.5788227245217484E-2"/>
          <c:w val="0.30238138568761175"/>
          <c:h val="6.4908883074088014E-2"/>
        </c:manualLayout>
      </c:layout>
      <c:overlay val="0"/>
      <c:txPr>
        <a:bodyPr/>
        <a:lstStyle/>
        <a:p>
          <a:pPr>
            <a:defRPr sz="1000"/>
          </a:pPr>
          <a:endParaRPr lang="ja-JP"/>
        </a:p>
      </c:txPr>
    </c:legend>
    <c:plotVisOnly val="1"/>
    <c:dispBlanksAs val="gap"/>
    <c:showDLblsOverMax val="0"/>
  </c:chart>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5027223930576665E-2"/>
          <c:y val="9.3395333457333585E-2"/>
          <c:w val="0.84102110896192794"/>
          <c:h val="0.74274470294137829"/>
        </c:manualLayout>
      </c:layout>
      <c:lineChart>
        <c:grouping val="standard"/>
        <c:varyColors val="0"/>
        <c:ser>
          <c:idx val="0"/>
          <c:order val="0"/>
          <c:tx>
            <c:strRef>
              <c:f>輸入額!$H$2</c:f>
              <c:strCache>
                <c:ptCount val="1"/>
                <c:pt idx="0">
                  <c:v>全国（左目盛）</c:v>
                </c:pt>
              </c:strCache>
            </c:strRef>
          </c:tx>
          <c:spPr>
            <a:ln>
              <a:solidFill>
                <a:srgbClr val="FF0000"/>
              </a:solidFill>
              <a:prstDash val="sysDash"/>
            </a:ln>
          </c:spPr>
          <c:marker>
            <c:symbol val="none"/>
          </c:marker>
          <c:cat>
            <c:numRef>
              <c:f>輸入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入額!$H$3:$H$82</c:f>
              <c:numCache>
                <c:formatCode>0.00</c:formatCode>
                <c:ptCount val="80"/>
                <c:pt idx="0">
                  <c:v>9.059611877630914</c:v>
                </c:pt>
                <c:pt idx="1">
                  <c:v>18.201892639757759</c:v>
                </c:pt>
                <c:pt idx="2">
                  <c:v>3.6009189652697557</c:v>
                </c:pt>
                <c:pt idx="3">
                  <c:v>-3.4528691223862751</c:v>
                </c:pt>
                <c:pt idx="4">
                  <c:v>8.5738606839598646</c:v>
                </c:pt>
                <c:pt idx="5">
                  <c:v>2.3960106160046308</c:v>
                </c:pt>
                <c:pt idx="6">
                  <c:v>-1.4138705190391221</c:v>
                </c:pt>
                <c:pt idx="7">
                  <c:v>6.2171916081674681</c:v>
                </c:pt>
                <c:pt idx="8">
                  <c:v>3.1329111991066299</c:v>
                </c:pt>
                <c:pt idx="9">
                  <c:v>-1.5772714684172087</c:v>
                </c:pt>
                <c:pt idx="10">
                  <c:v>1.9017454015421293</c:v>
                </c:pt>
                <c:pt idx="11">
                  <c:v>-9.2665221164772333</c:v>
                </c:pt>
                <c:pt idx="12">
                  <c:v>-3.6109644695872163</c:v>
                </c:pt>
                <c:pt idx="13">
                  <c:v>-14.427084902466518</c:v>
                </c:pt>
                <c:pt idx="14">
                  <c:v>-4.1434797261860297</c:v>
                </c:pt>
                <c:pt idx="15">
                  <c:v>-8.7381684416559153</c:v>
                </c:pt>
                <c:pt idx="16">
                  <c:v>-3.0775280986785987</c:v>
                </c:pt>
                <c:pt idx="17">
                  <c:v>-3.2715984364230337</c:v>
                </c:pt>
                <c:pt idx="18">
                  <c:v>-3.1586811237915384</c:v>
                </c:pt>
                <c:pt idx="19">
                  <c:v>-11.022229097007269</c:v>
                </c:pt>
                <c:pt idx="20">
                  <c:v>-13.360592009338447</c:v>
                </c:pt>
                <c:pt idx="21">
                  <c:v>-10.162199386425158</c:v>
                </c:pt>
                <c:pt idx="22">
                  <c:v>-17.975609288133398</c:v>
                </c:pt>
                <c:pt idx="23">
                  <c:v>-17.72015648608641</c:v>
                </c:pt>
                <c:pt idx="24">
                  <c:v>-14.135629542324665</c:v>
                </c:pt>
                <c:pt idx="25">
                  <c:v>-14.789359058454821</c:v>
                </c:pt>
                <c:pt idx="26">
                  <c:v>-23.13899372963462</c:v>
                </c:pt>
                <c:pt idx="27">
                  <c:v>-13.672228865684644</c:v>
                </c:pt>
                <c:pt idx="28">
                  <c:v>-18.68414443221404</c:v>
                </c:pt>
                <c:pt idx="29">
                  <c:v>-24.556465367717166</c:v>
                </c:pt>
                <c:pt idx="30">
                  <c:v>-17.009237055048558</c:v>
                </c:pt>
                <c:pt idx="31">
                  <c:v>-16.10240768048422</c:v>
                </c:pt>
                <c:pt idx="32">
                  <c:v>-16.273010938857496</c:v>
                </c:pt>
                <c:pt idx="33">
                  <c:v>-8.7387444841610602</c:v>
                </c:pt>
                <c:pt idx="34">
                  <c:v>-2.5146884954892812</c:v>
                </c:pt>
                <c:pt idx="35">
                  <c:v>8.6293876313120421</c:v>
                </c:pt>
                <c:pt idx="36">
                  <c:v>1.3865152166743258</c:v>
                </c:pt>
                <c:pt idx="37">
                  <c:v>15.977466019667347</c:v>
                </c:pt>
                <c:pt idx="38">
                  <c:v>15.23433469363323</c:v>
                </c:pt>
                <c:pt idx="39">
                  <c:v>17.837741179071088</c:v>
                </c:pt>
                <c:pt idx="40">
                  <c:v>15.655963346571468</c:v>
                </c:pt>
                <c:pt idx="41">
                  <c:v>16.541428371250035</c:v>
                </c:pt>
                <c:pt idx="42">
                  <c:v>15.524282580302028</c:v>
                </c:pt>
                <c:pt idx="43">
                  <c:v>12.30321894103308</c:v>
                </c:pt>
                <c:pt idx="44">
                  <c:v>19.024711217531859</c:v>
                </c:pt>
                <c:pt idx="45">
                  <c:v>17.296968872877855</c:v>
                </c:pt>
                <c:pt idx="46">
                  <c:v>14.970703370634794</c:v>
                </c:pt>
                <c:pt idx="47">
                  <c:v>8.0267179286403376</c:v>
                </c:pt>
                <c:pt idx="48">
                  <c:v>16.852280618634197</c:v>
                </c:pt>
                <c:pt idx="49">
                  <c:v>-0.40197599073140111</c:v>
                </c:pt>
                <c:pt idx="50">
                  <c:v>5.9703831347437841</c:v>
                </c:pt>
                <c:pt idx="51">
                  <c:v>14.006256589522962</c:v>
                </c:pt>
                <c:pt idx="52">
                  <c:v>2.4507326237200857</c:v>
                </c:pt>
                <c:pt idx="53">
                  <c:v>14.574466529906218</c:v>
                </c:pt>
                <c:pt idx="54">
                  <c:v>15.435208689355903</c:v>
                </c:pt>
                <c:pt idx="55">
                  <c:v>7.0791014069001506</c:v>
                </c:pt>
                <c:pt idx="56">
                  <c:v>20.039084240803831</c:v>
                </c:pt>
                <c:pt idx="57">
                  <c:v>12.493083088487026</c:v>
                </c:pt>
                <c:pt idx="58">
                  <c:v>1.8686908958909925</c:v>
                </c:pt>
                <c:pt idx="59">
                  <c:v>-0.72765442868744401</c:v>
                </c:pt>
                <c:pt idx="60">
                  <c:v>-6.4847866590310304</c:v>
                </c:pt>
                <c:pt idx="61">
                  <c:v>1.3179807623521214</c:v>
                </c:pt>
                <c:pt idx="62">
                  <c:v>6.5145334403858186</c:v>
                </c:pt>
                <c:pt idx="63">
                  <c:v>-1.4626817507396908</c:v>
                </c:pt>
                <c:pt idx="64">
                  <c:v>-5.2018866114105009</c:v>
                </c:pt>
                <c:pt idx="65">
                  <c:v>-1.1178279741711918</c:v>
                </c:pt>
                <c:pt idx="66">
                  <c:v>-11.84094028407965</c:v>
                </c:pt>
                <c:pt idx="67">
                  <c:v>-1.43568966981762</c:v>
                </c:pt>
                <c:pt idx="68">
                  <c:v>-14.737119900484785</c:v>
                </c:pt>
                <c:pt idx="69">
                  <c:v>-15.637551850982234</c:v>
                </c:pt>
                <c:pt idx="70">
                  <c:v>-4.8361935359077961</c:v>
                </c:pt>
                <c:pt idx="71">
                  <c:v>-3.6031267945868706</c:v>
                </c:pt>
                <c:pt idx="72">
                  <c:v>-13.901256370266495</c:v>
                </c:pt>
                <c:pt idx="73">
                  <c:v>-4.9964284939613464</c:v>
                </c:pt>
                <c:pt idx="74">
                  <c:v>-7.0869086155887402</c:v>
                </c:pt>
                <c:pt idx="75">
                  <c:v>-26.109436829373735</c:v>
                </c:pt>
                <c:pt idx="76">
                  <c:v>-14.36913965152776</c:v>
                </c:pt>
                <c:pt idx="77">
                  <c:v>-22.258374640314287</c:v>
                </c:pt>
                <c:pt idx="78">
                  <c:v>-20.6996421832702</c:v>
                </c:pt>
                <c:pt idx="79">
                  <c:v>-17.353986238065488</c:v>
                </c:pt>
              </c:numCache>
            </c:numRef>
          </c:val>
          <c:smooth val="0"/>
          <c:extLst>
            <c:ext xmlns:c16="http://schemas.microsoft.com/office/drawing/2014/chart" uri="{C3380CC4-5D6E-409C-BE32-E72D297353CC}">
              <c16:uniqueId val="{00000000-CBD1-462F-8AB7-5F4B58E0A86E}"/>
            </c:ext>
          </c:extLst>
        </c:ser>
        <c:ser>
          <c:idx val="1"/>
          <c:order val="1"/>
          <c:tx>
            <c:strRef>
              <c:f>輸入額!$I$2</c:f>
              <c:strCache>
                <c:ptCount val="1"/>
                <c:pt idx="0">
                  <c:v>近畿圏（左目盛）</c:v>
                </c:pt>
              </c:strCache>
            </c:strRef>
          </c:tx>
          <c:spPr>
            <a:ln>
              <a:solidFill>
                <a:srgbClr val="0070C0"/>
              </a:solidFill>
              <a:prstDash val="solid"/>
            </a:ln>
          </c:spPr>
          <c:marker>
            <c:symbol val="none"/>
          </c:marker>
          <c:cat>
            <c:numRef>
              <c:f>輸入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入額!$I$3:$I$82</c:f>
              <c:numCache>
                <c:formatCode>0.00</c:formatCode>
                <c:ptCount val="80"/>
                <c:pt idx="0">
                  <c:v>7.6477409773972624</c:v>
                </c:pt>
                <c:pt idx="1">
                  <c:v>20.204775916054189</c:v>
                </c:pt>
                <c:pt idx="2">
                  <c:v>2.7883069794687714</c:v>
                </c:pt>
                <c:pt idx="3">
                  <c:v>-7.4796988111089036E-2</c:v>
                </c:pt>
                <c:pt idx="4">
                  <c:v>13.969625999824586</c:v>
                </c:pt>
                <c:pt idx="5">
                  <c:v>0.58362098312170474</c:v>
                </c:pt>
                <c:pt idx="6">
                  <c:v>-1.5767039885289904</c:v>
                </c:pt>
                <c:pt idx="7">
                  <c:v>9.8526204050087216</c:v>
                </c:pt>
                <c:pt idx="8">
                  <c:v>1.8496672889489503</c:v>
                </c:pt>
                <c:pt idx="9">
                  <c:v>-0.25935652585370406</c:v>
                </c:pt>
                <c:pt idx="10">
                  <c:v>4.6984060990063625</c:v>
                </c:pt>
                <c:pt idx="11">
                  <c:v>-10.917893405927046</c:v>
                </c:pt>
                <c:pt idx="12">
                  <c:v>10.145927196572018</c:v>
                </c:pt>
                <c:pt idx="13">
                  <c:v>-14.0789754885527</c:v>
                </c:pt>
                <c:pt idx="14">
                  <c:v>-4.1855529378686072</c:v>
                </c:pt>
                <c:pt idx="15">
                  <c:v>-8.0868230950831332</c:v>
                </c:pt>
                <c:pt idx="16">
                  <c:v>-4.7967614716925908</c:v>
                </c:pt>
                <c:pt idx="17">
                  <c:v>-0.54682672369055751</c:v>
                </c:pt>
                <c:pt idx="18">
                  <c:v>0.30299482786935528</c:v>
                </c:pt>
                <c:pt idx="19">
                  <c:v>-11.055142916679912</c:v>
                </c:pt>
                <c:pt idx="20">
                  <c:v>-8.7719840770061097</c:v>
                </c:pt>
                <c:pt idx="21">
                  <c:v>-5.8410665952827117</c:v>
                </c:pt>
                <c:pt idx="22">
                  <c:v>-19.192580755023442</c:v>
                </c:pt>
                <c:pt idx="23">
                  <c:v>-15.122094989402086</c:v>
                </c:pt>
                <c:pt idx="24">
                  <c:v>-17.044371562484116</c:v>
                </c:pt>
                <c:pt idx="25">
                  <c:v>-11.230444149356757</c:v>
                </c:pt>
                <c:pt idx="26">
                  <c:v>-17.672524639615546</c:v>
                </c:pt>
                <c:pt idx="27">
                  <c:v>-12.589381661748931</c:v>
                </c:pt>
                <c:pt idx="28">
                  <c:v>-15.147663892474782</c:v>
                </c:pt>
                <c:pt idx="29">
                  <c:v>-25.239275944186758</c:v>
                </c:pt>
                <c:pt idx="30">
                  <c:v>-12.246338693820064</c:v>
                </c:pt>
                <c:pt idx="31">
                  <c:v>-11.904344020985107</c:v>
                </c:pt>
                <c:pt idx="32">
                  <c:v>-19.336520712830776</c:v>
                </c:pt>
                <c:pt idx="33">
                  <c:v>-7.1743609466100509</c:v>
                </c:pt>
                <c:pt idx="34">
                  <c:v>-3.5971026610130394</c:v>
                </c:pt>
                <c:pt idx="35">
                  <c:v>9.7942423345309066</c:v>
                </c:pt>
                <c:pt idx="36">
                  <c:v>-5.9944037780623916</c:v>
                </c:pt>
                <c:pt idx="37">
                  <c:v>12.277216732121161</c:v>
                </c:pt>
                <c:pt idx="38">
                  <c:v>11.229787168804691</c:v>
                </c:pt>
                <c:pt idx="39">
                  <c:v>13.270120149227154</c:v>
                </c:pt>
                <c:pt idx="40">
                  <c:v>14.268211245925386</c:v>
                </c:pt>
                <c:pt idx="41">
                  <c:v>16.912781767936863</c:v>
                </c:pt>
                <c:pt idx="42">
                  <c:v>12.728320624224153</c:v>
                </c:pt>
                <c:pt idx="43">
                  <c:v>11.117822158837882</c:v>
                </c:pt>
                <c:pt idx="44">
                  <c:v>20.838725513136552</c:v>
                </c:pt>
                <c:pt idx="45">
                  <c:v>15.493190203830224</c:v>
                </c:pt>
                <c:pt idx="46">
                  <c:v>18.001182355294219</c:v>
                </c:pt>
                <c:pt idx="47">
                  <c:v>5.9386621866709817</c:v>
                </c:pt>
                <c:pt idx="48">
                  <c:v>22.952916785300374</c:v>
                </c:pt>
                <c:pt idx="49">
                  <c:v>-0.85033945806307543</c:v>
                </c:pt>
                <c:pt idx="50">
                  <c:v>4.220984233009986</c:v>
                </c:pt>
                <c:pt idx="51">
                  <c:v>16.01322684102206</c:v>
                </c:pt>
                <c:pt idx="52">
                  <c:v>3.5142414479912816</c:v>
                </c:pt>
                <c:pt idx="53">
                  <c:v>12.988482071686462</c:v>
                </c:pt>
                <c:pt idx="54">
                  <c:v>9.9094138776366378</c:v>
                </c:pt>
                <c:pt idx="55">
                  <c:v>-24.338760840817457</c:v>
                </c:pt>
                <c:pt idx="56">
                  <c:v>10.948593576983171</c:v>
                </c:pt>
                <c:pt idx="57">
                  <c:v>9.4524555965443682</c:v>
                </c:pt>
                <c:pt idx="58">
                  <c:v>-2.8066107074500906</c:v>
                </c:pt>
                <c:pt idx="59">
                  <c:v>0.10555030289782508</c:v>
                </c:pt>
                <c:pt idx="60">
                  <c:v>-9.7389466543163223</c:v>
                </c:pt>
                <c:pt idx="61">
                  <c:v>-1.248854077874455</c:v>
                </c:pt>
                <c:pt idx="62">
                  <c:v>3.5466614648854886</c:v>
                </c:pt>
                <c:pt idx="63">
                  <c:v>-5.2148892324320002</c:v>
                </c:pt>
                <c:pt idx="64">
                  <c:v>-13.88953123978331</c:v>
                </c:pt>
                <c:pt idx="65">
                  <c:v>-0.51288131699563166</c:v>
                </c:pt>
                <c:pt idx="66">
                  <c:v>-10.48008110687023</c:v>
                </c:pt>
                <c:pt idx="67">
                  <c:v>30.255155435080979</c:v>
                </c:pt>
                <c:pt idx="68">
                  <c:v>-13.993884977161272</c:v>
                </c:pt>
                <c:pt idx="69">
                  <c:v>-16.487737183637378</c:v>
                </c:pt>
                <c:pt idx="70">
                  <c:v>-5.786577978748852</c:v>
                </c:pt>
                <c:pt idx="71">
                  <c:v>-7.4011005517413224</c:v>
                </c:pt>
                <c:pt idx="72">
                  <c:v>-17.518085306275836</c:v>
                </c:pt>
                <c:pt idx="73">
                  <c:v>-4.180666281219203</c:v>
                </c:pt>
                <c:pt idx="74">
                  <c:v>-2.1344225628237297</c:v>
                </c:pt>
                <c:pt idx="75">
                  <c:v>-19.649565530181818</c:v>
                </c:pt>
                <c:pt idx="76">
                  <c:v>-2.0857699263535494</c:v>
                </c:pt>
                <c:pt idx="77">
                  <c:v>-18.487702921533781</c:v>
                </c:pt>
                <c:pt idx="78">
                  <c:v>-16.87621163569986</c:v>
                </c:pt>
                <c:pt idx="79">
                  <c:v>-12.491747408974547</c:v>
                </c:pt>
              </c:numCache>
            </c:numRef>
          </c:val>
          <c:smooth val="0"/>
          <c:extLst>
            <c:ext xmlns:c16="http://schemas.microsoft.com/office/drawing/2014/chart" uri="{C3380CC4-5D6E-409C-BE32-E72D297353CC}">
              <c16:uniqueId val="{00000001-CBD1-462F-8AB7-5F4B58E0A86E}"/>
            </c:ext>
          </c:extLst>
        </c:ser>
        <c:dLbls>
          <c:showLegendKey val="0"/>
          <c:showVal val="0"/>
          <c:showCatName val="0"/>
          <c:showSerName val="0"/>
          <c:showPercent val="0"/>
          <c:showBubbleSize val="0"/>
        </c:dLbls>
        <c:marker val="1"/>
        <c:smooth val="0"/>
        <c:axId val="117886336"/>
        <c:axId val="117965952"/>
      </c:lineChart>
      <c:lineChart>
        <c:grouping val="standard"/>
        <c:varyColors val="0"/>
        <c:ser>
          <c:idx val="2"/>
          <c:order val="2"/>
          <c:tx>
            <c:strRef>
              <c:f>輸入額!$J$2</c:f>
              <c:strCache>
                <c:ptCount val="1"/>
                <c:pt idx="0">
                  <c:v>対ドル為替レート</c:v>
                </c:pt>
              </c:strCache>
            </c:strRef>
          </c:tx>
          <c:spPr>
            <a:ln cmpd="dbl">
              <a:prstDash val="solid"/>
            </a:ln>
          </c:spPr>
          <c:marker>
            <c:symbol val="none"/>
          </c:marker>
          <c:cat>
            <c:numRef>
              <c:f>輸入額!$G$3:$G$82</c:f>
              <c:numCache>
                <c:formatCode>yyyy"年"m"月"</c:formatCode>
                <c:ptCount val="80"/>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pt idx="64">
                  <c:v>43617</c:v>
                </c:pt>
                <c:pt idx="65">
                  <c:v>43647</c:v>
                </c:pt>
                <c:pt idx="66">
                  <c:v>43678</c:v>
                </c:pt>
                <c:pt idx="67">
                  <c:v>43709</c:v>
                </c:pt>
                <c:pt idx="68">
                  <c:v>43739</c:v>
                </c:pt>
                <c:pt idx="69">
                  <c:v>43770</c:v>
                </c:pt>
                <c:pt idx="70">
                  <c:v>43800</c:v>
                </c:pt>
                <c:pt idx="71">
                  <c:v>43831</c:v>
                </c:pt>
                <c:pt idx="72">
                  <c:v>43862</c:v>
                </c:pt>
                <c:pt idx="73">
                  <c:v>43891</c:v>
                </c:pt>
                <c:pt idx="74">
                  <c:v>43922</c:v>
                </c:pt>
                <c:pt idx="75">
                  <c:v>43952</c:v>
                </c:pt>
                <c:pt idx="76">
                  <c:v>43983</c:v>
                </c:pt>
                <c:pt idx="77">
                  <c:v>44013</c:v>
                </c:pt>
                <c:pt idx="78">
                  <c:v>44044</c:v>
                </c:pt>
                <c:pt idx="79">
                  <c:v>44075</c:v>
                </c:pt>
              </c:numCache>
            </c:numRef>
          </c:cat>
          <c:val>
            <c:numRef>
              <c:f>輸入額!$J$3:$J$82</c:f>
              <c:numCache>
                <c:formatCode>General</c:formatCode>
                <c:ptCount val="80"/>
                <c:pt idx="0">
                  <c:v>102.02</c:v>
                </c:pt>
                <c:pt idx="1">
                  <c:v>102.3</c:v>
                </c:pt>
                <c:pt idx="2">
                  <c:v>102.54</c:v>
                </c:pt>
                <c:pt idx="3">
                  <c:v>101.78</c:v>
                </c:pt>
                <c:pt idx="4">
                  <c:v>102.05</c:v>
                </c:pt>
                <c:pt idx="5">
                  <c:v>101.73</c:v>
                </c:pt>
                <c:pt idx="6">
                  <c:v>102.95</c:v>
                </c:pt>
                <c:pt idx="7">
                  <c:v>107.16</c:v>
                </c:pt>
                <c:pt idx="8">
                  <c:v>108.03</c:v>
                </c:pt>
                <c:pt idx="9">
                  <c:v>116.24</c:v>
                </c:pt>
                <c:pt idx="10">
                  <c:v>119.29</c:v>
                </c:pt>
                <c:pt idx="11">
                  <c:v>118.25</c:v>
                </c:pt>
                <c:pt idx="12">
                  <c:v>118.59</c:v>
                </c:pt>
                <c:pt idx="13">
                  <c:v>120.37</c:v>
                </c:pt>
                <c:pt idx="14">
                  <c:v>119.57</c:v>
                </c:pt>
                <c:pt idx="15">
                  <c:v>120.82</c:v>
                </c:pt>
                <c:pt idx="16">
                  <c:v>123.7</c:v>
                </c:pt>
                <c:pt idx="17">
                  <c:v>123.31</c:v>
                </c:pt>
                <c:pt idx="18">
                  <c:v>123.17</c:v>
                </c:pt>
                <c:pt idx="19">
                  <c:v>120.13</c:v>
                </c:pt>
                <c:pt idx="20">
                  <c:v>119.99</c:v>
                </c:pt>
                <c:pt idx="21">
                  <c:v>122.58</c:v>
                </c:pt>
                <c:pt idx="22">
                  <c:v>121.78</c:v>
                </c:pt>
                <c:pt idx="23">
                  <c:v>118.18</c:v>
                </c:pt>
                <c:pt idx="24">
                  <c:v>115.01</c:v>
                </c:pt>
                <c:pt idx="25">
                  <c:v>113.05</c:v>
                </c:pt>
                <c:pt idx="26">
                  <c:v>109.72</c:v>
                </c:pt>
                <c:pt idx="27">
                  <c:v>109.24</c:v>
                </c:pt>
                <c:pt idx="28">
                  <c:v>105.44</c:v>
                </c:pt>
                <c:pt idx="29">
                  <c:v>103.97</c:v>
                </c:pt>
                <c:pt idx="30">
                  <c:v>101.28</c:v>
                </c:pt>
                <c:pt idx="31">
                  <c:v>101.99</c:v>
                </c:pt>
                <c:pt idx="32">
                  <c:v>103.81</c:v>
                </c:pt>
                <c:pt idx="33">
                  <c:v>108.33</c:v>
                </c:pt>
                <c:pt idx="34">
                  <c:v>116.01</c:v>
                </c:pt>
                <c:pt idx="35">
                  <c:v>114.69</c:v>
                </c:pt>
                <c:pt idx="36">
                  <c:v>113.13</c:v>
                </c:pt>
                <c:pt idx="37">
                  <c:v>113.02</c:v>
                </c:pt>
                <c:pt idx="38">
                  <c:v>110.08</c:v>
                </c:pt>
                <c:pt idx="39">
                  <c:v>112.24</c:v>
                </c:pt>
                <c:pt idx="40">
                  <c:v>110.89</c:v>
                </c:pt>
                <c:pt idx="41">
                  <c:v>112.5</c:v>
                </c:pt>
                <c:pt idx="42">
                  <c:v>109.9</c:v>
                </c:pt>
                <c:pt idx="43">
                  <c:v>110.67</c:v>
                </c:pt>
                <c:pt idx="44">
                  <c:v>112.94</c:v>
                </c:pt>
                <c:pt idx="45">
                  <c:v>112.89</c:v>
                </c:pt>
                <c:pt idx="46">
                  <c:v>112.96</c:v>
                </c:pt>
                <c:pt idx="47">
                  <c:v>110.74</c:v>
                </c:pt>
                <c:pt idx="48">
                  <c:v>107.9</c:v>
                </c:pt>
                <c:pt idx="49">
                  <c:v>106.01</c:v>
                </c:pt>
                <c:pt idx="50">
                  <c:v>107.49</c:v>
                </c:pt>
                <c:pt idx="51">
                  <c:v>109.74</c:v>
                </c:pt>
                <c:pt idx="52">
                  <c:v>110.02</c:v>
                </c:pt>
                <c:pt idx="53">
                  <c:v>111.41</c:v>
                </c:pt>
                <c:pt idx="54">
                  <c:v>111.06</c:v>
                </c:pt>
                <c:pt idx="55">
                  <c:v>111.91</c:v>
                </c:pt>
                <c:pt idx="56">
                  <c:v>112.81</c:v>
                </c:pt>
                <c:pt idx="57">
                  <c:v>113.36</c:v>
                </c:pt>
                <c:pt idx="58">
                  <c:v>112.38</c:v>
                </c:pt>
                <c:pt idx="59">
                  <c:v>108.97</c:v>
                </c:pt>
                <c:pt idx="60">
                  <c:v>110.36</c:v>
                </c:pt>
                <c:pt idx="61">
                  <c:v>111.22</c:v>
                </c:pt>
                <c:pt idx="62">
                  <c:v>111.63</c:v>
                </c:pt>
                <c:pt idx="63">
                  <c:v>109.76</c:v>
                </c:pt>
                <c:pt idx="64">
                  <c:v>108.07</c:v>
                </c:pt>
                <c:pt idx="65">
                  <c:v>108.23</c:v>
                </c:pt>
                <c:pt idx="66">
                  <c:v>106.34</c:v>
                </c:pt>
                <c:pt idx="67">
                  <c:v>107.4</c:v>
                </c:pt>
                <c:pt idx="68">
                  <c:v>108.12</c:v>
                </c:pt>
                <c:pt idx="69">
                  <c:v>108.88</c:v>
                </c:pt>
                <c:pt idx="70">
                  <c:v>109.18</c:v>
                </c:pt>
                <c:pt idx="71">
                  <c:v>109.34</c:v>
                </c:pt>
                <c:pt idx="72">
                  <c:v>109.96</c:v>
                </c:pt>
                <c:pt idx="73">
                  <c:v>107.29</c:v>
                </c:pt>
                <c:pt idx="74">
                  <c:v>107.93</c:v>
                </c:pt>
                <c:pt idx="75">
                  <c:v>107.31</c:v>
                </c:pt>
                <c:pt idx="76">
                  <c:v>107.56</c:v>
                </c:pt>
                <c:pt idx="77">
                  <c:v>106.78</c:v>
                </c:pt>
                <c:pt idx="78">
                  <c:v>106.04</c:v>
                </c:pt>
                <c:pt idx="79">
                  <c:v>105.74</c:v>
                </c:pt>
              </c:numCache>
            </c:numRef>
          </c:val>
          <c:smooth val="0"/>
          <c:extLst>
            <c:ext xmlns:c16="http://schemas.microsoft.com/office/drawing/2014/chart" uri="{C3380CC4-5D6E-409C-BE32-E72D297353CC}">
              <c16:uniqueId val="{00000002-CBD1-462F-8AB7-5F4B58E0A86E}"/>
            </c:ext>
          </c:extLst>
        </c:ser>
        <c:dLbls>
          <c:showLegendKey val="0"/>
          <c:showVal val="0"/>
          <c:showCatName val="0"/>
          <c:showSerName val="0"/>
          <c:showPercent val="0"/>
          <c:showBubbleSize val="0"/>
        </c:dLbls>
        <c:marker val="1"/>
        <c:smooth val="0"/>
        <c:axId val="117973376"/>
        <c:axId val="117967488"/>
      </c:lineChart>
      <c:dateAx>
        <c:axId val="117886336"/>
        <c:scaling>
          <c:orientation val="minMax"/>
        </c:scaling>
        <c:delete val="0"/>
        <c:axPos val="b"/>
        <c:numFmt formatCode="yyyy&quot;年&quot;m&quot;月&quot;" sourceLinked="1"/>
        <c:majorTickMark val="out"/>
        <c:minorTickMark val="none"/>
        <c:tickLblPos val="low"/>
        <c:txPr>
          <a:bodyPr rot="-2700000"/>
          <a:lstStyle/>
          <a:p>
            <a:pPr>
              <a:defRPr/>
            </a:pPr>
            <a:endParaRPr lang="ja-JP"/>
          </a:p>
        </c:txPr>
        <c:crossAx val="117965952"/>
        <c:crosses val="autoZero"/>
        <c:auto val="1"/>
        <c:lblOffset val="100"/>
        <c:baseTimeUnit val="months"/>
        <c:majorUnit val="4"/>
        <c:majorTimeUnit val="months"/>
      </c:dateAx>
      <c:valAx>
        <c:axId val="117965952"/>
        <c:scaling>
          <c:orientation val="minMax"/>
        </c:scaling>
        <c:delete val="0"/>
        <c:axPos val="l"/>
        <c:majorGridlines/>
        <c:numFmt formatCode="0.00" sourceLinked="1"/>
        <c:majorTickMark val="out"/>
        <c:minorTickMark val="none"/>
        <c:tickLblPos val="nextTo"/>
        <c:crossAx val="117886336"/>
        <c:crosses val="autoZero"/>
        <c:crossBetween val="between"/>
      </c:valAx>
      <c:valAx>
        <c:axId val="117967488"/>
        <c:scaling>
          <c:orientation val="minMax"/>
        </c:scaling>
        <c:delete val="0"/>
        <c:axPos val="r"/>
        <c:numFmt formatCode="General" sourceLinked="1"/>
        <c:majorTickMark val="out"/>
        <c:minorTickMark val="none"/>
        <c:tickLblPos val="nextTo"/>
        <c:crossAx val="117973376"/>
        <c:crosses val="max"/>
        <c:crossBetween val="between"/>
      </c:valAx>
      <c:dateAx>
        <c:axId val="117973376"/>
        <c:scaling>
          <c:orientation val="minMax"/>
        </c:scaling>
        <c:delete val="1"/>
        <c:axPos val="b"/>
        <c:numFmt formatCode="yyyy&quot;年&quot;m&quot;月&quot;" sourceLinked="1"/>
        <c:majorTickMark val="out"/>
        <c:minorTickMark val="none"/>
        <c:tickLblPos val="nextTo"/>
        <c:crossAx val="117967488"/>
        <c:crosses val="autoZero"/>
        <c:auto val="1"/>
        <c:lblOffset val="100"/>
        <c:baseTimeUnit val="months"/>
      </c:dateAx>
    </c:plotArea>
    <c:legend>
      <c:legendPos val="t"/>
      <c:legendEntry>
        <c:idx val="0"/>
        <c:txPr>
          <a:bodyPr/>
          <a:lstStyle/>
          <a:p>
            <a:pPr>
              <a:defRPr sz="1000">
                <a:latin typeface="+mn-ea"/>
                <a:ea typeface="+mn-ea"/>
              </a:defRPr>
            </a:pPr>
            <a:endParaRPr lang="ja-JP"/>
          </a:p>
        </c:txPr>
      </c:legendEntry>
      <c:legendEntry>
        <c:idx val="1"/>
        <c:txPr>
          <a:bodyPr/>
          <a:lstStyle/>
          <a:p>
            <a:pPr>
              <a:defRPr sz="1000">
                <a:latin typeface="+mn-ea"/>
                <a:ea typeface="+mn-ea"/>
              </a:defRPr>
            </a:pPr>
            <a:endParaRPr lang="ja-JP"/>
          </a:p>
        </c:txPr>
      </c:legendEntry>
      <c:legendEntry>
        <c:idx val="2"/>
        <c:delete val="1"/>
      </c:legendEntry>
      <c:layout>
        <c:manualLayout>
          <c:xMode val="edge"/>
          <c:yMode val="edge"/>
          <c:x val="0.33514046039860529"/>
          <c:y val="1.7520873292355382E-2"/>
          <c:w val="0.33522346117801077"/>
          <c:h val="4.2708951688113478E-2"/>
        </c:manualLayout>
      </c:layout>
      <c:overlay val="0"/>
      <c:txPr>
        <a:bodyPr/>
        <a:lstStyle/>
        <a:p>
          <a:pPr>
            <a:defRPr sz="1000">
              <a:latin typeface="+mn-ea"/>
              <a:ea typeface="+mn-ea"/>
            </a:defRPr>
          </a:pPr>
          <a:endParaRPr lang="ja-JP"/>
        </a:p>
      </c:txPr>
    </c:legend>
    <c:plotVisOnly val="1"/>
    <c:dispBlanksAs val="gap"/>
    <c:showDLblsOverMax val="0"/>
  </c:chart>
  <c:externalData r:id="rId1">
    <c:autoUpdate val="0"/>
  </c:externalData>
  <c:userShapes r:id="rId2"/>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580904718724534"/>
          <c:y val="9.7332792140957219E-2"/>
          <c:w val="0.8419975940507437"/>
          <c:h val="0.762791265675123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9"/>
              <c:layout>
                <c:manualLayout>
                  <c:x val="-1.7627896833140116E-2"/>
                  <c:y val="-3.04866814510272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72F-4191-BA40-02BA587BC054}"/>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5:$K$5</c:f>
              <c:numCache>
                <c:formatCode>#,##0_ </c:formatCode>
                <c:ptCount val="10"/>
                <c:pt idx="0">
                  <c:v>24174</c:v>
                </c:pt>
                <c:pt idx="1">
                  <c:v>20209</c:v>
                </c:pt>
                <c:pt idx="2">
                  <c:v>21801</c:v>
                </c:pt>
                <c:pt idx="3">
                  <c:v>21065</c:v>
                </c:pt>
                <c:pt idx="4">
                  <c:v>21391</c:v>
                </c:pt>
                <c:pt idx="5">
                  <c:v>35156</c:v>
                </c:pt>
                <c:pt idx="6">
                  <c:v>36720</c:v>
                </c:pt>
                <c:pt idx="7">
                  <c:v>42171</c:v>
                </c:pt>
                <c:pt idx="8">
                  <c:v>62744</c:v>
                </c:pt>
                <c:pt idx="9">
                  <c:v>63889</c:v>
                </c:pt>
              </c:numCache>
            </c:numRef>
          </c:val>
          <c:smooth val="0"/>
          <c:extLst>
            <c:ext xmlns:c16="http://schemas.microsoft.com/office/drawing/2014/chart" uri="{C3380CC4-5D6E-409C-BE32-E72D297353CC}">
              <c16:uniqueId val="{00000001-572F-4191-BA40-02BA587BC054}"/>
            </c:ext>
          </c:extLst>
        </c:ser>
        <c:ser>
          <c:idx val="1"/>
          <c:order val="1"/>
          <c:tx>
            <c:strRef>
              <c:f>訪問地別_1人当たり旅行支出!$A$6</c:f>
              <c:strCache>
                <c:ptCount val="1"/>
                <c:pt idx="0">
                  <c:v>東京</c:v>
                </c:pt>
              </c:strCache>
            </c:strRef>
          </c:tx>
          <c:marker>
            <c:symbol val="square"/>
            <c:size val="6"/>
          </c:marker>
          <c:dLbls>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72F-4191-BA40-02BA587BC054}"/>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6:$K$6</c:f>
              <c:numCache>
                <c:formatCode>#,##0_ </c:formatCode>
                <c:ptCount val="10"/>
                <c:pt idx="0">
                  <c:v>21266</c:v>
                </c:pt>
                <c:pt idx="1">
                  <c:v>22169</c:v>
                </c:pt>
                <c:pt idx="2">
                  <c:v>24194</c:v>
                </c:pt>
                <c:pt idx="3">
                  <c:v>27851</c:v>
                </c:pt>
                <c:pt idx="4">
                  <c:v>33939</c:v>
                </c:pt>
                <c:pt idx="5">
                  <c:v>81858</c:v>
                </c:pt>
                <c:pt idx="6">
                  <c:v>64952</c:v>
                </c:pt>
                <c:pt idx="7">
                  <c:v>67926</c:v>
                </c:pt>
                <c:pt idx="8">
                  <c:v>98561</c:v>
                </c:pt>
                <c:pt idx="9">
                  <c:v>99959</c:v>
                </c:pt>
              </c:numCache>
            </c:numRef>
          </c:val>
          <c:smooth val="0"/>
          <c:extLst>
            <c:ext xmlns:c16="http://schemas.microsoft.com/office/drawing/2014/chart" uri="{C3380CC4-5D6E-409C-BE32-E72D297353CC}">
              <c16:uniqueId val="{00000003-572F-4191-BA40-02BA587BC054}"/>
            </c:ext>
          </c:extLst>
        </c:ser>
        <c:ser>
          <c:idx val="2"/>
          <c:order val="2"/>
          <c:tx>
            <c:strRef>
              <c:f>訪問地別_1人当たり旅行支出!$A$7</c:f>
              <c:strCache>
                <c:ptCount val="1"/>
                <c:pt idx="0">
                  <c:v>愛知</c:v>
                </c:pt>
              </c:strCache>
            </c:strRef>
          </c:tx>
          <c:marker>
            <c:symbol val="triangle"/>
            <c:size val="6"/>
          </c:marker>
          <c:dLbls>
            <c:dLbl>
              <c:idx val="9"/>
              <c:layout>
                <c:manualLayout>
                  <c:x val="-2.0440700726363828E-3"/>
                  <c:y val="-4.44561096529600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72F-4191-BA40-02BA587BC054}"/>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7:$K$7</c:f>
              <c:numCache>
                <c:formatCode>#,##0_ </c:formatCode>
                <c:ptCount val="10"/>
                <c:pt idx="0">
                  <c:v>21103</c:v>
                </c:pt>
                <c:pt idx="1">
                  <c:v>15874</c:v>
                </c:pt>
                <c:pt idx="2">
                  <c:v>15855</c:v>
                </c:pt>
                <c:pt idx="3">
                  <c:v>16908</c:v>
                </c:pt>
                <c:pt idx="4">
                  <c:v>19306</c:v>
                </c:pt>
                <c:pt idx="5">
                  <c:v>31143</c:v>
                </c:pt>
                <c:pt idx="6">
                  <c:v>28946</c:v>
                </c:pt>
                <c:pt idx="7">
                  <c:v>34490</c:v>
                </c:pt>
                <c:pt idx="8">
                  <c:v>52535</c:v>
                </c:pt>
                <c:pt idx="9">
                  <c:v>50776</c:v>
                </c:pt>
              </c:numCache>
            </c:numRef>
          </c:val>
          <c:smooth val="0"/>
          <c:extLst>
            <c:ext xmlns:c16="http://schemas.microsoft.com/office/drawing/2014/chart" uri="{C3380CC4-5D6E-409C-BE32-E72D297353CC}">
              <c16:uniqueId val="{00000005-572F-4191-BA40-02BA587BC054}"/>
            </c:ext>
          </c:extLst>
        </c:ser>
        <c:ser>
          <c:idx val="3"/>
          <c:order val="3"/>
          <c:tx>
            <c:strRef>
              <c:f>訪問地別_1人当たり旅行支出!$A$8</c:f>
              <c:strCache>
                <c:ptCount val="1"/>
                <c:pt idx="0">
                  <c:v>京都</c:v>
                </c:pt>
              </c:strCache>
            </c:strRef>
          </c:tx>
          <c:marker>
            <c:symbol val="x"/>
            <c:size val="6"/>
          </c:marker>
          <c:dLbls>
            <c:dLbl>
              <c:idx val="9"/>
              <c:layout>
                <c:manualLayout>
                  <c:x val="-2.0440700726363828E-3"/>
                  <c:y val="-4.90857392825896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72F-4191-BA40-02BA587BC054}"/>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K$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訪問地別_1人当たり旅行支出!$B$8:$K$8</c:f>
              <c:numCache>
                <c:formatCode>#,##0_ </c:formatCode>
                <c:ptCount val="10"/>
                <c:pt idx="0">
                  <c:v>16600</c:v>
                </c:pt>
                <c:pt idx="1">
                  <c:v>16169</c:v>
                </c:pt>
                <c:pt idx="2">
                  <c:v>16586</c:v>
                </c:pt>
                <c:pt idx="3">
                  <c:v>16190</c:v>
                </c:pt>
                <c:pt idx="4">
                  <c:v>17706</c:v>
                </c:pt>
                <c:pt idx="5">
                  <c:v>21727</c:v>
                </c:pt>
                <c:pt idx="6">
                  <c:v>16303</c:v>
                </c:pt>
                <c:pt idx="7">
                  <c:v>16967</c:v>
                </c:pt>
                <c:pt idx="8">
                  <c:v>29659</c:v>
                </c:pt>
                <c:pt idx="9">
                  <c:v>28825</c:v>
                </c:pt>
              </c:numCache>
            </c:numRef>
          </c:val>
          <c:smooth val="0"/>
          <c:extLst>
            <c:ext xmlns:c16="http://schemas.microsoft.com/office/drawing/2014/chart" uri="{C3380CC4-5D6E-409C-BE32-E72D297353CC}">
              <c16:uniqueId val="{00000007-572F-4191-BA40-02BA587BC054}"/>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crossAx val="142619008"/>
        <c:crosses val="autoZero"/>
        <c:auto val="1"/>
        <c:lblAlgn val="ctr"/>
        <c:lblOffset val="100"/>
        <c:noMultiLvlLbl val="0"/>
      </c:catAx>
      <c:valAx>
        <c:axId val="142619008"/>
        <c:scaling>
          <c:orientation val="minMax"/>
          <c:max val="10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1.8518518518518517E-2"/>
          <c:w val="0.72213172190685482"/>
          <c:h val="6.9828302712160978E-2"/>
        </c:manualLayout>
      </c:layout>
      <c:overlay val="0"/>
    </c:legend>
    <c:plotVisOnly val="1"/>
    <c:dispBlanksAs val="gap"/>
    <c:showDLblsOverMax val="0"/>
  </c:chart>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40594925633"/>
          <c:y val="8.6765557882394831E-2"/>
          <c:w val="0.83419203849518808"/>
          <c:h val="0.76184712567587909"/>
        </c:manualLayout>
      </c:layout>
      <c:lineChart>
        <c:grouping val="standard"/>
        <c:varyColors val="0"/>
        <c:ser>
          <c:idx val="0"/>
          <c:order val="0"/>
          <c:tx>
            <c:strRef>
              <c:f>国地域別_1人当たり旅行支出!$C$3</c:f>
              <c:strCache>
                <c:ptCount val="1"/>
                <c:pt idx="0">
                  <c:v>中国</c:v>
                </c:pt>
              </c:strCache>
            </c:strRef>
          </c:tx>
          <c:dLbls>
            <c:dLbl>
              <c:idx val="9"/>
              <c:layout>
                <c:manualLayout>
                  <c:x val="0"/>
                  <c:y val="-0.1002573184778471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AD9-4DB7-9D53-0D55C9F29642}"/>
                </c:ext>
              </c:extLst>
            </c:dLbl>
            <c:spPr>
              <a:noFill/>
              <a:ln>
                <a:noFill/>
              </a:ln>
              <a:effectLst/>
            </c:spPr>
            <c:txPr>
              <a:bodyPr wrap="square" lIns="38100" tIns="19050" rIns="38100" bIns="19050" anchor="ctr">
                <a:spAutoFit/>
              </a:bodyPr>
              <a:lstStyle/>
              <a:p>
                <a:pPr>
                  <a:defRPr>
                    <a:solidFill>
                      <a:srgbClr val="0070C0"/>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C$4:$C$13</c:f>
              <c:numCache>
                <c:formatCode>#,##0_);[Red]\(#,##0\)</c:formatCode>
                <c:ptCount val="10"/>
                <c:pt idx="0">
                  <c:v>145498</c:v>
                </c:pt>
                <c:pt idx="1">
                  <c:v>164358</c:v>
                </c:pt>
                <c:pt idx="2">
                  <c:v>160154</c:v>
                </c:pt>
                <c:pt idx="3">
                  <c:v>189111</c:v>
                </c:pt>
                <c:pt idx="4">
                  <c:v>197777</c:v>
                </c:pt>
                <c:pt idx="5">
                  <c:v>229317</c:v>
                </c:pt>
                <c:pt idx="6">
                  <c:v>190406</c:v>
                </c:pt>
                <c:pt idx="7">
                  <c:v>195044</c:v>
                </c:pt>
                <c:pt idx="8" formatCode="#,##0">
                  <c:v>192931</c:v>
                </c:pt>
                <c:pt idx="9">
                  <c:v>185836</c:v>
                </c:pt>
              </c:numCache>
            </c:numRef>
          </c:val>
          <c:smooth val="0"/>
          <c:extLst>
            <c:ext xmlns:c16="http://schemas.microsoft.com/office/drawing/2014/chart" uri="{C3380CC4-5D6E-409C-BE32-E72D297353CC}">
              <c16:uniqueId val="{00000001-EAD9-4DB7-9D53-0D55C9F29642}"/>
            </c:ext>
          </c:extLst>
        </c:ser>
        <c:ser>
          <c:idx val="1"/>
          <c:order val="1"/>
          <c:tx>
            <c:strRef>
              <c:f>国地域別_1人当たり旅行支出!$D$3</c:f>
              <c:strCache>
                <c:ptCount val="1"/>
                <c:pt idx="0">
                  <c:v>韓国</c:v>
                </c:pt>
              </c:strCache>
            </c:strRef>
          </c:tx>
          <c:spPr>
            <a:ln>
              <a:solidFill>
                <a:schemeClr val="accent2"/>
              </a:solidFill>
            </a:ln>
          </c:spPr>
          <c:dLbls>
            <c:dLbl>
              <c:idx val="9"/>
              <c:layout>
                <c:manualLayout>
                  <c:x val="-1.9738829451759695E-2"/>
                  <c:y val="-2.53044591049526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AD9-4DB7-9D53-0D55C9F29642}"/>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D$4:$D$13</c:f>
              <c:numCache>
                <c:formatCode>#,##0_);[Red]\(#,##0\)</c:formatCode>
                <c:ptCount val="10"/>
                <c:pt idx="0">
                  <c:v>68489</c:v>
                </c:pt>
                <c:pt idx="1">
                  <c:v>63614</c:v>
                </c:pt>
                <c:pt idx="2">
                  <c:v>61983</c:v>
                </c:pt>
                <c:pt idx="3">
                  <c:v>66204</c:v>
                </c:pt>
                <c:pt idx="4">
                  <c:v>64020</c:v>
                </c:pt>
                <c:pt idx="5">
                  <c:v>63469</c:v>
                </c:pt>
                <c:pt idx="6">
                  <c:v>51569</c:v>
                </c:pt>
                <c:pt idx="7">
                  <c:v>62621</c:v>
                </c:pt>
                <c:pt idx="8" formatCode="#,##0">
                  <c:v>69457</c:v>
                </c:pt>
                <c:pt idx="9">
                  <c:v>68533</c:v>
                </c:pt>
              </c:numCache>
            </c:numRef>
          </c:val>
          <c:smooth val="0"/>
          <c:extLst>
            <c:ext xmlns:c16="http://schemas.microsoft.com/office/drawing/2014/chart" uri="{C3380CC4-5D6E-409C-BE32-E72D297353CC}">
              <c16:uniqueId val="{00000003-EAD9-4DB7-9D53-0D55C9F29642}"/>
            </c:ext>
          </c:extLst>
        </c:ser>
        <c:ser>
          <c:idx val="2"/>
          <c:order val="2"/>
          <c:tx>
            <c:strRef>
              <c:f>国地域別_1人当たり旅行支出!$E$3</c:f>
              <c:strCache>
                <c:ptCount val="1"/>
                <c:pt idx="0">
                  <c:v>台湾</c:v>
                </c:pt>
              </c:strCache>
            </c:strRef>
          </c:tx>
          <c:dLbls>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AD9-4DB7-9D53-0D55C9F296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E$4:$E$13</c:f>
              <c:numCache>
                <c:formatCode>#,##0_);[Red]\(#,##0\)</c:formatCode>
                <c:ptCount val="10"/>
                <c:pt idx="0">
                  <c:v>77555</c:v>
                </c:pt>
                <c:pt idx="1">
                  <c:v>82508</c:v>
                </c:pt>
                <c:pt idx="2">
                  <c:v>85266</c:v>
                </c:pt>
                <c:pt idx="3">
                  <c:v>80009</c:v>
                </c:pt>
                <c:pt idx="4">
                  <c:v>88915</c:v>
                </c:pt>
                <c:pt idx="5">
                  <c:v>101740</c:v>
                </c:pt>
                <c:pt idx="6">
                  <c:v>92900</c:v>
                </c:pt>
                <c:pt idx="7">
                  <c:v>93376</c:v>
                </c:pt>
                <c:pt idx="8" formatCode="#,##0">
                  <c:v>99398</c:v>
                </c:pt>
                <c:pt idx="9">
                  <c:v>93993</c:v>
                </c:pt>
              </c:numCache>
            </c:numRef>
          </c:val>
          <c:smooth val="0"/>
          <c:extLst>
            <c:ext xmlns:c16="http://schemas.microsoft.com/office/drawing/2014/chart" uri="{C3380CC4-5D6E-409C-BE32-E72D297353CC}">
              <c16:uniqueId val="{00000005-EAD9-4DB7-9D53-0D55C9F29642}"/>
            </c:ext>
          </c:extLst>
        </c:ser>
        <c:ser>
          <c:idx val="3"/>
          <c:order val="3"/>
          <c:tx>
            <c:strRef>
              <c:f>国地域別_1人当たり旅行支出!$F$3</c:f>
              <c:strCache>
                <c:ptCount val="1"/>
                <c:pt idx="0">
                  <c:v>香港</c:v>
                </c:pt>
              </c:strCache>
            </c:strRef>
          </c:tx>
          <c:dLbls>
            <c:dLbl>
              <c:idx val="9"/>
              <c:layout>
                <c:manualLayout>
                  <c:x val="0"/>
                  <c:y val="-2.84274949121566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AD9-4DB7-9D53-0D55C9F29642}"/>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F$4:$F$13</c:f>
              <c:numCache>
                <c:formatCode>#,##0_);[Red]\(#,##0\)</c:formatCode>
                <c:ptCount val="10"/>
                <c:pt idx="0">
                  <c:v>91053</c:v>
                </c:pt>
                <c:pt idx="1">
                  <c:v>95381</c:v>
                </c:pt>
                <c:pt idx="2">
                  <c:v>109934</c:v>
                </c:pt>
                <c:pt idx="3">
                  <c:v>113198</c:v>
                </c:pt>
                <c:pt idx="4">
                  <c:v>110821</c:v>
                </c:pt>
                <c:pt idx="5">
                  <c:v>141135</c:v>
                </c:pt>
                <c:pt idx="6">
                  <c:v>134868</c:v>
                </c:pt>
                <c:pt idx="7">
                  <c:v>133120</c:v>
                </c:pt>
                <c:pt idx="8" formatCode="#,##0">
                  <c:v>136039</c:v>
                </c:pt>
                <c:pt idx="9">
                  <c:v>138521</c:v>
                </c:pt>
              </c:numCache>
            </c:numRef>
          </c:val>
          <c:smooth val="0"/>
          <c:extLst>
            <c:ext xmlns:c16="http://schemas.microsoft.com/office/drawing/2014/chart" uri="{C3380CC4-5D6E-409C-BE32-E72D297353CC}">
              <c16:uniqueId val="{00000007-EAD9-4DB7-9D53-0D55C9F29642}"/>
            </c:ext>
          </c:extLst>
        </c:ser>
        <c:ser>
          <c:idx val="4"/>
          <c:order val="4"/>
          <c:tx>
            <c:strRef>
              <c:f>国地域別_1人当たり旅行支出!$G$3</c:f>
              <c:strCache>
                <c:ptCount val="1"/>
                <c:pt idx="0">
                  <c:v>アメリカ</c:v>
                </c:pt>
              </c:strCache>
            </c:strRef>
          </c:tx>
          <c:dLbls>
            <c:dLbl>
              <c:idx val="9"/>
              <c:layout>
                <c:manualLayout>
                  <c:x val="-3.5169201010676067E-3"/>
                  <c:y val="-1.90583874905448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AD9-4DB7-9D53-0D55C9F29642}"/>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国地域別_1人当たり旅行支出!$G$4:$G$13</c:f>
              <c:numCache>
                <c:formatCode>#,##0_);[Red]\(#,##0\)</c:formatCode>
                <c:ptCount val="10"/>
                <c:pt idx="0">
                  <c:v>145675</c:v>
                </c:pt>
                <c:pt idx="1">
                  <c:v>134405</c:v>
                </c:pt>
                <c:pt idx="2">
                  <c:v>130244</c:v>
                </c:pt>
                <c:pt idx="3">
                  <c:v>156943</c:v>
                </c:pt>
                <c:pt idx="4">
                  <c:v>146558</c:v>
                </c:pt>
                <c:pt idx="5">
                  <c:v>158839</c:v>
                </c:pt>
                <c:pt idx="6">
                  <c:v>152690</c:v>
                </c:pt>
                <c:pt idx="7">
                  <c:v>163390</c:v>
                </c:pt>
                <c:pt idx="8" formatCode="#,##0">
                  <c:v>168307</c:v>
                </c:pt>
                <c:pt idx="9">
                  <c:v>171349</c:v>
                </c:pt>
              </c:numCache>
            </c:numRef>
          </c:val>
          <c:smooth val="0"/>
          <c:extLst>
            <c:ext xmlns:c16="http://schemas.microsoft.com/office/drawing/2014/chart" uri="{C3380CC4-5D6E-409C-BE32-E72D297353CC}">
              <c16:uniqueId val="{00000009-EAD9-4DB7-9D53-0D55C9F29642}"/>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spPr>
        <a:noFill/>
        <a:ln w="25400">
          <a:noFill/>
        </a:ln>
      </c:spPr>
    </c:plotArea>
    <c:legend>
      <c:legendPos val="t"/>
      <c:layout>
        <c:manualLayout>
          <c:xMode val="edge"/>
          <c:yMode val="edge"/>
          <c:x val="9.5187842533364E-2"/>
          <c:y val="1.5615179036019668E-2"/>
          <c:w val="0.81548584843505134"/>
          <c:h val="5.6473586002504329E-2"/>
        </c:manualLayout>
      </c:layout>
      <c:overlay val="0"/>
    </c:legend>
    <c:plotVisOnly val="1"/>
    <c:dispBlanksAs val="gap"/>
    <c:showDLblsOverMax val="0"/>
  </c:chart>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訪日外客数（商用客）'!$B$14</c:f>
              <c:strCache>
                <c:ptCount val="1"/>
                <c:pt idx="0">
                  <c:v>人数（万人）（左目盛）</c:v>
                </c:pt>
              </c:strCache>
            </c:strRef>
          </c:tx>
          <c:spPr>
            <a:pattFill prst="trellis">
              <a:fgClr>
                <a:schemeClr val="accent5"/>
              </a:fgClr>
              <a:bgClr>
                <a:schemeClr val="bg1"/>
              </a:bgClr>
            </a:pattFill>
          </c:spPr>
          <c:invertIfNegative val="0"/>
          <c:dLbls>
            <c:spPr>
              <a:noFill/>
              <a:ln>
                <a:noFill/>
              </a:ln>
              <a:effectLst/>
            </c:spPr>
            <c:txPr>
              <a:bodyPr wrap="square" lIns="38100" tIns="19050" rIns="38100" bIns="19050" anchor="ctr">
                <a:spAutoFit/>
              </a:bodyPr>
              <a:lstStyle/>
              <a:p>
                <a:pPr>
                  <a:defRPr sz="1800" b="1"/>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訪日外客数（商用客）'!$A$15:$A$22</c:f>
              <c:strCache>
                <c:ptCount val="8"/>
                <c:pt idx="0">
                  <c:v>2012年</c:v>
                </c:pt>
                <c:pt idx="1">
                  <c:v>2013年</c:v>
                </c:pt>
                <c:pt idx="2">
                  <c:v>2014年</c:v>
                </c:pt>
                <c:pt idx="3">
                  <c:v>2015年</c:v>
                </c:pt>
                <c:pt idx="4">
                  <c:v>2016年</c:v>
                </c:pt>
                <c:pt idx="5">
                  <c:v>2017年</c:v>
                </c:pt>
                <c:pt idx="6">
                  <c:v>2018年</c:v>
                </c:pt>
                <c:pt idx="7">
                  <c:v>2019年</c:v>
                </c:pt>
              </c:strCache>
            </c:strRef>
          </c:cat>
          <c:val>
            <c:numRef>
              <c:f>'訪日外客数（商用客）'!$B$15:$B$22</c:f>
              <c:numCache>
                <c:formatCode>#,##0.0;[Red]\-#,##0.0</c:formatCode>
                <c:ptCount val="8"/>
                <c:pt idx="0">
                  <c:v>144.2946</c:v>
                </c:pt>
                <c:pt idx="1">
                  <c:v>146.48500000000001</c:v>
                </c:pt>
                <c:pt idx="2">
                  <c:v>153.7114</c:v>
                </c:pt>
                <c:pt idx="3">
                  <c:v>164.13</c:v>
                </c:pt>
                <c:pt idx="4">
                  <c:v>170.1902</c:v>
                </c:pt>
                <c:pt idx="5">
                  <c:v>178.26770000000002</c:v>
                </c:pt>
                <c:pt idx="6">
                  <c:v>179.5</c:v>
                </c:pt>
                <c:pt idx="7">
                  <c:v>175.7</c:v>
                </c:pt>
              </c:numCache>
            </c:numRef>
          </c:val>
          <c:extLst>
            <c:ext xmlns:c16="http://schemas.microsoft.com/office/drawing/2014/chart" uri="{C3380CC4-5D6E-409C-BE32-E72D297353CC}">
              <c16:uniqueId val="{00000000-110A-4F19-A9D2-80E08ADE9934}"/>
            </c:ext>
          </c:extLst>
        </c:ser>
        <c:dLbls>
          <c:showLegendKey val="0"/>
          <c:showVal val="0"/>
          <c:showCatName val="0"/>
          <c:showSerName val="0"/>
          <c:showPercent val="0"/>
          <c:showBubbleSize val="0"/>
        </c:dLbls>
        <c:gapWidth val="150"/>
        <c:axId val="104369536"/>
        <c:axId val="104371328"/>
      </c:barChart>
      <c:lineChart>
        <c:grouping val="standard"/>
        <c:varyColors val="0"/>
        <c:ser>
          <c:idx val="1"/>
          <c:order val="1"/>
          <c:tx>
            <c:strRef>
              <c:f>'訪日外客数（商用客）'!$C$14</c:f>
              <c:strCache>
                <c:ptCount val="1"/>
                <c:pt idx="0">
                  <c:v>伸び率（前年比）（右目盛）</c:v>
                </c:pt>
              </c:strCache>
            </c:strRef>
          </c:tx>
          <c:spPr>
            <a:ln>
              <a:solidFill>
                <a:schemeClr val="accent1">
                  <a:lumMod val="75000"/>
                </a:schemeClr>
              </a:solidFill>
            </a:ln>
          </c:spPr>
          <c:marker>
            <c:symbol val="diamond"/>
            <c:size val="7"/>
            <c:spPr>
              <a:solidFill>
                <a:schemeClr val="tx2">
                  <a:lumMod val="75000"/>
                </a:schemeClr>
              </a:solidFill>
            </c:spPr>
          </c:marker>
          <c:dLbls>
            <c:dLbl>
              <c:idx val="0"/>
              <c:layout>
                <c:manualLayout>
                  <c:x val="-3.7236140166213919E-2"/>
                  <c:y val="-7.97446079511234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110A-4F19-A9D2-80E08ADE9934}"/>
                </c:ext>
              </c:extLst>
            </c:dLbl>
            <c:dLbl>
              <c:idx val="1"/>
              <c:layout>
                <c:manualLayout>
                  <c:x val="4.2964777114861694E-3"/>
                  <c:y val="7.3099223955196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10A-4F19-A9D2-80E08ADE9934}"/>
                </c:ext>
              </c:extLst>
            </c:dLbl>
            <c:dLbl>
              <c:idx val="2"/>
              <c:layout>
                <c:manualLayout>
                  <c:x val="1.7185910845944886E-2"/>
                  <c:y val="5.3163071967415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10A-4F19-A9D2-80E08ADE9934}"/>
                </c:ext>
              </c:extLst>
            </c:dLbl>
            <c:dLbl>
              <c:idx val="3"/>
              <c:layout>
                <c:manualLayout>
                  <c:x val="1.4321592371620687E-2"/>
                  <c:y val="-6.97765319572330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10A-4F19-A9D2-80E08ADE9934}"/>
                </c:ext>
              </c:extLst>
            </c:dLbl>
            <c:dLbl>
              <c:idx val="4"/>
              <c:layout>
                <c:manualLayout>
                  <c:x val="1.1457273897296592E-2"/>
                  <c:y val="-5.98084559633425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10A-4F19-A9D2-80E08ADE9934}"/>
                </c:ext>
              </c:extLst>
            </c:dLbl>
            <c:dLbl>
              <c:idx val="5"/>
              <c:layout>
                <c:manualLayout>
                  <c:x val="8.5929554229724429E-3"/>
                  <c:y val="-1.32907679918539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10A-4F19-A9D2-80E08ADE9934}"/>
                </c:ext>
              </c:extLst>
            </c:dLbl>
            <c:dLbl>
              <c:idx val="6"/>
              <c:layout>
                <c:manualLayout>
                  <c:x val="5.72863694864819E-3"/>
                  <c:y val="-2.99042279816712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10A-4F19-A9D2-80E08ADE9934}"/>
                </c:ext>
              </c:extLst>
            </c:dLbl>
            <c:dLbl>
              <c:idx val="7"/>
              <c:layout>
                <c:manualLayout>
                  <c:x val="2.8643184743240425E-3"/>
                  <c:y val="2.325884398574434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10A-4F19-A9D2-80E08ADE9934}"/>
                </c:ext>
              </c:extLst>
            </c:dLbl>
            <c:spPr>
              <a:noFill/>
              <a:ln>
                <a:noFill/>
              </a:ln>
              <a:effectLst/>
            </c:spPr>
            <c:txPr>
              <a:bodyPr wrap="square" lIns="38100" tIns="19050" rIns="38100" bIns="19050" anchor="ctr">
                <a:spAutoFit/>
              </a:bodyPr>
              <a:lstStyle/>
              <a:p>
                <a:pPr>
                  <a:defRPr sz="1400" b="1"/>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訪日外客数（商用客）'!$A$15:$A$22</c:f>
              <c:strCache>
                <c:ptCount val="8"/>
                <c:pt idx="0">
                  <c:v>2012年</c:v>
                </c:pt>
                <c:pt idx="1">
                  <c:v>2013年</c:v>
                </c:pt>
                <c:pt idx="2">
                  <c:v>2014年</c:v>
                </c:pt>
                <c:pt idx="3">
                  <c:v>2015年</c:v>
                </c:pt>
                <c:pt idx="4">
                  <c:v>2016年</c:v>
                </c:pt>
                <c:pt idx="5">
                  <c:v>2017年</c:v>
                </c:pt>
                <c:pt idx="6">
                  <c:v>2018年</c:v>
                </c:pt>
                <c:pt idx="7">
                  <c:v>2019年</c:v>
                </c:pt>
              </c:strCache>
            </c:strRef>
          </c:cat>
          <c:val>
            <c:numRef>
              <c:f>'訪日外客数（商用客）'!$C$15:$C$22</c:f>
              <c:numCache>
                <c:formatCode>0.0%</c:formatCode>
                <c:ptCount val="8"/>
                <c:pt idx="0">
                  <c:v>0.160405763162212</c:v>
                </c:pt>
                <c:pt idx="1">
                  <c:v>1.5180055248082747E-2</c:v>
                </c:pt>
                <c:pt idx="2">
                  <c:v>4.9332013516742323E-2</c:v>
                </c:pt>
                <c:pt idx="3">
                  <c:v>6.7780268737387184E-2</c:v>
                </c:pt>
                <c:pt idx="4">
                  <c:v>3.6923170657405802E-2</c:v>
                </c:pt>
                <c:pt idx="5">
                  <c:v>4.7461604722246031E-2</c:v>
                </c:pt>
                <c:pt idx="6">
                  <c:v>7.0000000000000001E-3</c:v>
                </c:pt>
                <c:pt idx="7">
                  <c:v>-2.1000000000000001E-2</c:v>
                </c:pt>
              </c:numCache>
            </c:numRef>
          </c:val>
          <c:smooth val="0"/>
          <c:extLst>
            <c:ext xmlns:c16="http://schemas.microsoft.com/office/drawing/2014/chart" uri="{C3380CC4-5D6E-409C-BE32-E72D297353CC}">
              <c16:uniqueId val="{00000001-110A-4F19-A9D2-80E08ADE9934}"/>
            </c:ext>
          </c:extLst>
        </c:ser>
        <c:dLbls>
          <c:showLegendKey val="0"/>
          <c:showVal val="0"/>
          <c:showCatName val="0"/>
          <c:showSerName val="0"/>
          <c:showPercent val="0"/>
          <c:showBubbleSize val="0"/>
        </c:dLbls>
        <c:marker val="1"/>
        <c:smooth val="0"/>
        <c:axId val="104386944"/>
        <c:axId val="104372864"/>
      </c:lineChart>
      <c:catAx>
        <c:axId val="104369536"/>
        <c:scaling>
          <c:orientation val="minMax"/>
        </c:scaling>
        <c:delete val="0"/>
        <c:axPos val="b"/>
        <c:numFmt formatCode="General" sourceLinked="1"/>
        <c:majorTickMark val="out"/>
        <c:minorTickMark val="none"/>
        <c:tickLblPos val="nextTo"/>
        <c:txPr>
          <a:bodyPr/>
          <a:lstStyle/>
          <a:p>
            <a:pPr>
              <a:defRPr sz="1600" b="0"/>
            </a:pPr>
            <a:endParaRPr lang="ja-JP"/>
          </a:p>
        </c:txPr>
        <c:crossAx val="104371328"/>
        <c:crosses val="autoZero"/>
        <c:auto val="1"/>
        <c:lblAlgn val="ctr"/>
        <c:lblOffset val="100"/>
        <c:noMultiLvlLbl val="0"/>
      </c:catAx>
      <c:valAx>
        <c:axId val="104371328"/>
        <c:scaling>
          <c:orientation val="minMax"/>
          <c:max val="180"/>
          <c:min val="140"/>
        </c:scaling>
        <c:delete val="0"/>
        <c:axPos val="l"/>
        <c:majorGridlines/>
        <c:numFmt formatCode="#,##0.0;[Red]\-#,##0.0" sourceLinked="1"/>
        <c:majorTickMark val="out"/>
        <c:minorTickMark val="none"/>
        <c:tickLblPos val="nextTo"/>
        <c:txPr>
          <a:bodyPr/>
          <a:lstStyle/>
          <a:p>
            <a:pPr>
              <a:defRPr sz="1200"/>
            </a:pPr>
            <a:endParaRPr lang="ja-JP"/>
          </a:p>
        </c:txPr>
        <c:crossAx val="104369536"/>
        <c:crosses val="autoZero"/>
        <c:crossBetween val="between"/>
      </c:valAx>
      <c:valAx>
        <c:axId val="104372864"/>
        <c:scaling>
          <c:orientation val="minMax"/>
          <c:max val="0.30000000000000004"/>
        </c:scaling>
        <c:delete val="0"/>
        <c:axPos val="r"/>
        <c:numFmt formatCode="0.0%" sourceLinked="1"/>
        <c:majorTickMark val="out"/>
        <c:minorTickMark val="none"/>
        <c:tickLblPos val="nextTo"/>
        <c:txPr>
          <a:bodyPr/>
          <a:lstStyle/>
          <a:p>
            <a:pPr>
              <a:defRPr sz="1200"/>
            </a:pPr>
            <a:endParaRPr lang="ja-JP"/>
          </a:p>
        </c:txPr>
        <c:crossAx val="104386944"/>
        <c:crosses val="max"/>
        <c:crossBetween val="between"/>
      </c:valAx>
      <c:catAx>
        <c:axId val="104386944"/>
        <c:scaling>
          <c:orientation val="minMax"/>
        </c:scaling>
        <c:delete val="1"/>
        <c:axPos val="b"/>
        <c:numFmt formatCode="General" sourceLinked="1"/>
        <c:majorTickMark val="out"/>
        <c:minorTickMark val="none"/>
        <c:tickLblPos val="nextTo"/>
        <c:crossAx val="104372864"/>
        <c:crosses val="autoZero"/>
        <c:auto val="1"/>
        <c:lblAlgn val="ctr"/>
        <c:lblOffset val="100"/>
        <c:noMultiLvlLbl val="0"/>
      </c:catAx>
    </c:plotArea>
    <c:legend>
      <c:legendPos val="b"/>
      <c:legendEntry>
        <c:idx val="0"/>
        <c:txPr>
          <a:bodyPr/>
          <a:lstStyle/>
          <a:p>
            <a:pPr>
              <a:defRPr sz="1200">
                <a:solidFill>
                  <a:schemeClr val="tx1"/>
                </a:solidFill>
              </a:defRPr>
            </a:pPr>
            <a:endParaRPr lang="ja-JP"/>
          </a:p>
        </c:txPr>
      </c:legendEntry>
      <c:overlay val="0"/>
      <c:txPr>
        <a:bodyPr/>
        <a:lstStyle/>
        <a:p>
          <a:pPr>
            <a:defRPr sz="1200"/>
          </a:pPr>
          <a:endParaRPr lang="ja-JP"/>
        </a:p>
      </c:txPr>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5949889832775069E-2"/>
          <c:y val="3.3616174061603506E-2"/>
          <c:w val="0.88140216222510503"/>
          <c:h val="0.64331289610198572"/>
        </c:manualLayout>
      </c:layout>
      <c:barChart>
        <c:barDir val="col"/>
        <c:grouping val="clustered"/>
        <c:varyColors val="0"/>
        <c:ser>
          <c:idx val="0"/>
          <c:order val="0"/>
          <c:tx>
            <c:strRef>
              <c:f>製造業中分類別!$D$2</c:f>
              <c:strCache>
                <c:ptCount val="1"/>
                <c:pt idx="0">
                  <c:v>寄与度</c:v>
                </c:pt>
              </c:strCache>
            </c:strRef>
          </c:tx>
          <c:spPr>
            <a:solidFill>
              <a:schemeClr val="accent1"/>
            </a:solidFill>
            <a:ln>
              <a:noFill/>
            </a:ln>
            <a:effectLst/>
          </c:spPr>
          <c:invertIfNegative val="0"/>
          <c:dLbls>
            <c:dLbl>
              <c:idx val="3"/>
              <c:layout>
                <c:manualLayout>
                  <c:x val="3.6891805960128747E-2"/>
                  <c:y val="6.53427168015784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CB5-40B9-8262-705384B9D55D}"/>
                </c:ext>
              </c:extLst>
            </c:dLbl>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製造業中分類別!$B$3:$B$17</c:f>
              <c:strCache>
                <c:ptCount val="15"/>
                <c:pt idx="0">
                  <c:v>食料品</c:v>
                </c:pt>
                <c:pt idx="1">
                  <c:v>繊維製品</c:v>
                </c:pt>
                <c:pt idx="2">
                  <c:v>パルプ・紙・紙加工品</c:v>
                </c:pt>
                <c:pt idx="3">
                  <c:v>化学</c:v>
                </c:pt>
                <c:pt idx="4">
                  <c:v>石油・石炭製品</c:v>
                </c:pt>
                <c:pt idx="5">
                  <c:v>窯業・土石製品</c:v>
                </c:pt>
                <c:pt idx="6">
                  <c:v>一次金属</c:v>
                </c:pt>
                <c:pt idx="7">
                  <c:v>金属製品</c:v>
                </c:pt>
                <c:pt idx="8">
                  <c:v>はん用・生産用・業務用機械</c:v>
                </c:pt>
                <c:pt idx="9">
                  <c:v>電子部品・デバイス</c:v>
                </c:pt>
                <c:pt idx="10">
                  <c:v>電気機械</c:v>
                </c:pt>
                <c:pt idx="11">
                  <c:v>情報・通信機器</c:v>
                </c:pt>
                <c:pt idx="12">
                  <c:v>輸送用機械</c:v>
                </c:pt>
                <c:pt idx="13">
                  <c:v>印刷業</c:v>
                </c:pt>
                <c:pt idx="14">
                  <c:v>その他の製造業</c:v>
                </c:pt>
              </c:strCache>
            </c:strRef>
          </c:cat>
          <c:val>
            <c:numRef>
              <c:f>製造業中分類別!$D$3:$D$17</c:f>
              <c:numCache>
                <c:formatCode>0.00;"▲ "0.00</c:formatCode>
                <c:ptCount val="15"/>
                <c:pt idx="0">
                  <c:v>0.05</c:v>
                </c:pt>
                <c:pt idx="1">
                  <c:v>-0.02</c:v>
                </c:pt>
                <c:pt idx="2">
                  <c:v>0.01</c:v>
                </c:pt>
                <c:pt idx="3">
                  <c:v>-0.38</c:v>
                </c:pt>
                <c:pt idx="4">
                  <c:v>0.31</c:v>
                </c:pt>
                <c:pt idx="5">
                  <c:v>0.02</c:v>
                </c:pt>
                <c:pt idx="6">
                  <c:v>0.03</c:v>
                </c:pt>
                <c:pt idx="7">
                  <c:v>0.16</c:v>
                </c:pt>
                <c:pt idx="8">
                  <c:v>0.25</c:v>
                </c:pt>
                <c:pt idx="9">
                  <c:v>0.28000000000000003</c:v>
                </c:pt>
                <c:pt idx="10">
                  <c:v>0.2</c:v>
                </c:pt>
                <c:pt idx="11">
                  <c:v>0</c:v>
                </c:pt>
                <c:pt idx="12">
                  <c:v>0.16</c:v>
                </c:pt>
                <c:pt idx="13">
                  <c:v>-0.02</c:v>
                </c:pt>
                <c:pt idx="14">
                  <c:v>0.11</c:v>
                </c:pt>
              </c:numCache>
            </c:numRef>
          </c:val>
          <c:extLst>
            <c:ext xmlns:c16="http://schemas.microsoft.com/office/drawing/2014/chart" uri="{C3380CC4-5D6E-409C-BE32-E72D297353CC}">
              <c16:uniqueId val="{00000001-2CB5-40B9-8262-705384B9D55D}"/>
            </c:ext>
          </c:extLst>
        </c:ser>
        <c:dLbls>
          <c:dLblPos val="outEnd"/>
          <c:showLegendKey val="0"/>
          <c:showVal val="1"/>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ax val="0.4"/>
          <c:min val="-0.4"/>
        </c:scaling>
        <c:delete val="0"/>
        <c:axPos val="l"/>
        <c:majorGridlines>
          <c:spPr>
            <a:ln w="952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53473164992307"/>
          <c:y val="4.5973166397678553E-2"/>
          <c:w val="0.85305774278215218"/>
          <c:h val="0.85029327855757164"/>
        </c:manualLayout>
      </c:layout>
      <c:barChart>
        <c:barDir val="col"/>
        <c:grouping val="clustered"/>
        <c:varyColors val="0"/>
        <c:ser>
          <c:idx val="2"/>
          <c:order val="2"/>
          <c:tx>
            <c:strRef>
              <c:f>新!$A$6</c:f>
              <c:strCache>
                <c:ptCount val="1"/>
                <c:pt idx="0">
                  <c:v>旅行消費額</c:v>
                </c:pt>
              </c:strCache>
            </c:strRef>
          </c:tx>
          <c:invertIfNegative val="0"/>
          <c:dLbls>
            <c:spPr>
              <a:noFill/>
              <a:ln>
                <a:noFill/>
              </a:ln>
              <a:effectLst/>
            </c:spPr>
            <c:txPr>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6:$K$6</c:f>
              <c:numCache>
                <c:formatCode>#,##0_);[Red]\(#,##0\)</c:formatCode>
                <c:ptCount val="10"/>
                <c:pt idx="0">
                  <c:v>11490</c:v>
                </c:pt>
                <c:pt idx="1">
                  <c:v>8135</c:v>
                </c:pt>
                <c:pt idx="2">
                  <c:v>10846</c:v>
                </c:pt>
                <c:pt idx="3">
                  <c:v>14167</c:v>
                </c:pt>
                <c:pt idx="4">
                  <c:v>20278</c:v>
                </c:pt>
                <c:pt idx="5">
                  <c:v>34771</c:v>
                </c:pt>
                <c:pt idx="6">
                  <c:v>37476</c:v>
                </c:pt>
                <c:pt idx="7">
                  <c:v>44162</c:v>
                </c:pt>
                <c:pt idx="8">
                  <c:v>44155</c:v>
                </c:pt>
                <c:pt idx="9">
                  <c:v>47331</c:v>
                </c:pt>
              </c:numCache>
            </c:numRef>
          </c:val>
          <c:extLst>
            <c:ext xmlns:c16="http://schemas.microsoft.com/office/drawing/2014/chart" uri="{C3380CC4-5D6E-409C-BE32-E72D297353CC}">
              <c16:uniqueId val="{00000000-69E4-4592-A035-DD7154E8F079}"/>
            </c:ext>
          </c:extLst>
        </c:ser>
        <c:dLbls>
          <c:showLegendKey val="0"/>
          <c:showVal val="0"/>
          <c:showCatName val="0"/>
          <c:showSerName val="0"/>
          <c:showPercent val="0"/>
          <c:showBubbleSize val="0"/>
        </c:dLbls>
        <c:gapWidth val="150"/>
        <c:axId val="92609536"/>
        <c:axId val="92611328"/>
      </c:barChart>
      <c:lineChart>
        <c:grouping val="standard"/>
        <c:varyColors val="0"/>
        <c:dLbls>
          <c:showLegendKey val="0"/>
          <c:showVal val="0"/>
          <c:showCatName val="0"/>
          <c:showSerName val="0"/>
          <c:showPercent val="0"/>
          <c:showBubbleSize val="0"/>
        </c:dLbls>
        <c:marker val="1"/>
        <c:smooth val="0"/>
        <c:axId val="92609536"/>
        <c:axId val="92611328"/>
        <c:extLst>
          <c:ext xmlns:c15="http://schemas.microsoft.com/office/drawing/2012/chart" uri="{02D57815-91ED-43cb-92C2-25804820EDAC}">
            <c15:filteredLineSeries>
              <c15:ser>
                <c:idx val="0"/>
                <c:order val="0"/>
                <c:tx>
                  <c:strRef>
                    <c:extLst>
                      <c:ext uri="{02D57815-91ED-43cb-92C2-25804820EDAC}">
                        <c15:formulaRef>
                          <c15:sqref>新!$A$4</c15:sqref>
                        </c15:formulaRef>
                      </c:ext>
                    </c:extLst>
                    <c:strCache>
                      <c:ptCount val="1"/>
                      <c:pt idx="0">
                        <c:v>観光・レジャー</c:v>
                      </c:pt>
                    </c:strCache>
                  </c:strRef>
                </c:tx>
                <c:dLbls>
                  <c:dLbl>
                    <c:idx val="7"/>
                    <c:layout>
                      <c:manualLayout>
                        <c:x val="-5.3384660250801984E-2"/>
                        <c:y val="-3.7691592898713711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1-69E4-4592-A035-DD7154E8F079}"/>
                      </c:ext>
                    </c:extLst>
                  </c:dLbl>
                  <c:spPr>
                    <a:noFill/>
                    <a:ln>
                      <a:noFill/>
                    </a:ln>
                    <a:effectLst/>
                  </c:spPr>
                  <c:dLblPos val="t"/>
                  <c:showLegendKey val="0"/>
                  <c:showVal val="1"/>
                  <c:showCatName val="0"/>
                  <c:showSerName val="0"/>
                  <c:showPercent val="0"/>
                  <c:showBubbleSize val="0"/>
                  <c:showLeaderLines val="0"/>
                  <c:extLst>
                    <c:ext uri="{CE6537A1-D6FC-4f65-9D91-7224C49458BB}">
                      <c15:showLeaderLines val="0"/>
                    </c:ext>
                  </c:extLst>
                </c:dLbls>
                <c:cat>
                  <c:numRef>
                    <c:extLst>
                      <c:ext uri="{02D57815-91ED-43cb-92C2-25804820EDAC}">
                        <c15:formulaRef>
                          <c15:sqref>新!$B$3:$K$3</c15:sqref>
                        </c15:formulaRef>
                      </c:ext>
                    </c:extLst>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extLst>
                      <c:ext uri="{02D57815-91ED-43cb-92C2-25804820EDAC}">
                        <c15:formulaRef>
                          <c15:sqref>新!$B$4:$K$4</c15:sqref>
                        </c15:formulaRef>
                      </c:ext>
                    </c:extLst>
                    <c:numCache>
                      <c:formatCode>#,##0</c:formatCode>
                      <c:ptCount val="10"/>
                      <c:pt idx="0">
                        <c:v>96610</c:v>
                      </c:pt>
                      <c:pt idx="1">
                        <c:v>91331</c:v>
                      </c:pt>
                      <c:pt idx="2">
                        <c:v>96056</c:v>
                      </c:pt>
                      <c:pt idx="3">
                        <c:v>96380</c:v>
                      </c:pt>
                      <c:pt idx="4">
                        <c:v>109897</c:v>
                      </c:pt>
                      <c:pt idx="5">
                        <c:v>134521</c:v>
                      </c:pt>
                      <c:pt idx="6">
                        <c:v>155017</c:v>
                      </c:pt>
                      <c:pt idx="7">
                        <c:v>150341</c:v>
                      </c:pt>
                      <c:pt idx="8">
                        <c:v>147907</c:v>
                      </c:pt>
                      <c:pt idx="9">
                        <c:v>155281</c:v>
                      </c:pt>
                    </c:numCache>
                  </c:numRef>
                </c:val>
                <c:smooth val="0"/>
                <c:extLst>
                  <c:ext xmlns:c16="http://schemas.microsoft.com/office/drawing/2014/chart" uri="{C3380CC4-5D6E-409C-BE32-E72D297353CC}">
                    <c16:uniqueId val="{00000002-69E4-4592-A035-DD7154E8F079}"/>
                  </c:ext>
                </c:extLst>
              </c15:ser>
            </c15:filteredLineSeries>
            <c15:filteredLineSeries>
              <c15:ser>
                <c:idx val="1"/>
                <c:order val="1"/>
                <c:tx>
                  <c:strRef>
                    <c:extLst xmlns:c15="http://schemas.microsoft.com/office/drawing/2012/chart">
                      <c:ext xmlns:c15="http://schemas.microsoft.com/office/drawing/2012/chart" uri="{02D57815-91ED-43cb-92C2-25804820EDAC}">
                        <c15:formulaRef>
                          <c15:sqref>新!$A$5</c15:sqref>
                        </c15:formulaRef>
                      </c:ext>
                    </c:extLst>
                    <c:strCache>
                      <c:ptCount val="1"/>
                      <c:pt idx="0">
                        <c:v>ビジネス</c:v>
                      </c:pt>
                    </c:strCache>
                  </c:strRef>
                </c:tx>
                <c:dLbls>
                  <c:dLbl>
                    <c:idx val="0"/>
                    <c:layout>
                      <c:manualLayout>
                        <c:x val="-4.7606792740651008E-2"/>
                        <c:y val="2.52692326502665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3-69E4-4592-A035-DD7154E8F079}"/>
                      </c:ext>
                    </c:extLst>
                  </c:dLbl>
                  <c:dLbl>
                    <c:idx val="1"/>
                    <c:layout>
                      <c:manualLayout>
                        <c:x val="-4.3048388182246447E-2"/>
                        <c:y val="2.1128445900784141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4-69E4-4592-A035-DD7154E8F079}"/>
                      </c:ext>
                    </c:extLst>
                  </c:dLbl>
                  <c:dLbl>
                    <c:idx val="2"/>
                    <c:layout>
                      <c:manualLayout>
                        <c:x val="-4.7606792740651008E-2"/>
                        <c:y val="3.35508061492313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5-69E4-4592-A035-DD7154E8F079}"/>
                      </c:ext>
                    </c:extLst>
                  </c:dLbl>
                  <c:dLbl>
                    <c:idx val="3"/>
                    <c:layout>
                      <c:manualLayout>
                        <c:x val="-4.7606792740651008E-2"/>
                        <c:y val="3.7691592898713745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6-69E4-4592-A035-DD7154E8F079}"/>
                      </c:ext>
                    </c:extLst>
                  </c:dLbl>
                  <c:dLbl>
                    <c:idx val="4"/>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7-69E4-4592-A035-DD7154E8F079}"/>
                      </c:ext>
                    </c:extLst>
                  </c:dLbl>
                  <c:dLbl>
                    <c:idx val="5"/>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8-69E4-4592-A035-DD7154E8F079}"/>
                      </c:ext>
                    </c:extLst>
                  </c:dLbl>
                  <c:dLbl>
                    <c:idx val="6"/>
                    <c:layout>
                      <c:manualLayout>
                        <c:x val="-4.7606792740651008E-2"/>
                        <c:y val="4.1832379648196152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9-69E4-4592-A035-DD7154E8F079}"/>
                      </c:ext>
                    </c:extLst>
                  </c:dLbl>
                  <c:dLbl>
                    <c:idx val="7"/>
                    <c:layout>
                      <c:manualLayout>
                        <c:x val="-4.7606792740651008E-2"/>
                        <c:y val="4.5973166397678553E-2"/>
                      </c:manualLayout>
                    </c:layout>
                    <c:dLblPos val="r"/>
                    <c:showLegendKey val="0"/>
                    <c:showVal val="1"/>
                    <c:showCatName val="0"/>
                    <c:showSerName val="0"/>
                    <c:showPercent val="0"/>
                    <c:showBubbleSize val="0"/>
                    <c:extLst xmlns:c15="http://schemas.microsoft.com/office/drawing/2012/chart">
                      <c:ext xmlns:c15="http://schemas.microsoft.com/office/drawing/2012/chart" uri="{CE6537A1-D6FC-4f65-9D91-7224C49458BB}"/>
                      <c:ext xmlns:c16="http://schemas.microsoft.com/office/drawing/2014/chart" uri="{C3380CC4-5D6E-409C-BE32-E72D297353CC}">
                        <c16:uniqueId val="{0000000A-69E4-4592-A035-DD7154E8F079}"/>
                      </c:ext>
                    </c:extLst>
                  </c:dLbl>
                  <c:spPr>
                    <a:noFill/>
                    <a:ln>
                      <a:noFill/>
                    </a:ln>
                    <a:effectLst/>
                  </c:spPr>
                  <c:dLblPos val="b"/>
                  <c:showLegendKey val="0"/>
                  <c:showVal val="1"/>
                  <c:showCatName val="0"/>
                  <c:showSerName val="0"/>
                  <c:showPercent val="0"/>
                  <c:showBubbleSize val="0"/>
                  <c:showLeaderLines val="0"/>
                  <c:extLst xmlns:c15="http://schemas.microsoft.com/office/drawing/2012/chart">
                    <c:ext xmlns:c15="http://schemas.microsoft.com/office/drawing/2012/chart" uri="{CE6537A1-D6FC-4f65-9D91-7224C49458BB}">
                      <c15:showLeaderLines val="0"/>
                    </c:ext>
                  </c:extLst>
                </c:dLbls>
                <c:cat>
                  <c:numRef>
                    <c:extLst xmlns:c15="http://schemas.microsoft.com/office/drawing/2012/chart">
                      <c:ext xmlns:c15="http://schemas.microsoft.com/office/drawing/2012/chart" uri="{02D57815-91ED-43cb-92C2-25804820EDAC}">
                        <c15:formulaRef>
                          <c15:sqref>新!$B$3:$K$3</c15:sqref>
                        </c15:formulaRef>
                      </c:ext>
                    </c:extLst>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extLst xmlns:c15="http://schemas.microsoft.com/office/drawing/2012/chart">
                      <c:ext xmlns:c15="http://schemas.microsoft.com/office/drawing/2012/chart" uri="{02D57815-91ED-43cb-92C2-25804820EDAC}">
                        <c15:formulaRef>
                          <c15:sqref>新!$B$5:$K$5</c15:sqref>
                        </c15:formulaRef>
                      </c:ext>
                    </c:extLst>
                    <c:numCache>
                      <c:formatCode>#,##0</c:formatCode>
                      <c:ptCount val="10"/>
                      <c:pt idx="0">
                        <c:v>132271</c:v>
                      </c:pt>
                      <c:pt idx="1">
                        <c:v>126594</c:v>
                      </c:pt>
                      <c:pt idx="2">
                        <c:v>124760</c:v>
                      </c:pt>
                      <c:pt idx="3">
                        <c:v>134962</c:v>
                      </c:pt>
                      <c:pt idx="4">
                        <c:v>135983</c:v>
                      </c:pt>
                      <c:pt idx="5">
                        <c:v>149952</c:v>
                      </c:pt>
                      <c:pt idx="6">
                        <c:v>140961</c:v>
                      </c:pt>
                      <c:pt idx="7">
                        <c:v>149742</c:v>
                      </c:pt>
                      <c:pt idx="8">
                        <c:v>161265</c:v>
                      </c:pt>
                      <c:pt idx="9">
                        <c:v>164005</c:v>
                      </c:pt>
                    </c:numCache>
                  </c:numRef>
                </c:val>
                <c:smooth val="0"/>
                <c:extLst xmlns:c15="http://schemas.microsoft.com/office/drawing/2012/chart">
                  <c:ext xmlns:c16="http://schemas.microsoft.com/office/drawing/2014/chart" uri="{C3380CC4-5D6E-409C-BE32-E72D297353CC}">
                    <c16:uniqueId val="{0000000B-69E4-4592-A035-DD7154E8F079}"/>
                  </c:ext>
                </c:extLst>
              </c15:ser>
            </c15:filteredLineSeries>
          </c:ext>
        </c:extLst>
      </c:lineChart>
      <c:catAx>
        <c:axId val="92609536"/>
        <c:scaling>
          <c:orientation val="minMax"/>
        </c:scaling>
        <c:delete val="0"/>
        <c:axPos val="b"/>
        <c:numFmt formatCode="General" sourceLinked="1"/>
        <c:majorTickMark val="out"/>
        <c:minorTickMark val="none"/>
        <c:tickLblPos val="nextTo"/>
        <c:crossAx val="92611328"/>
        <c:crosses val="autoZero"/>
        <c:auto val="1"/>
        <c:lblAlgn val="ctr"/>
        <c:lblOffset val="100"/>
        <c:noMultiLvlLbl val="0"/>
      </c:catAx>
      <c:valAx>
        <c:axId val="92611328"/>
        <c:scaling>
          <c:orientation val="minMax"/>
        </c:scaling>
        <c:delete val="0"/>
        <c:axPos val="l"/>
        <c:majorGridlines>
          <c:spPr>
            <a:ln>
              <a:noFill/>
            </a:ln>
          </c:spPr>
        </c:majorGridlines>
        <c:numFmt formatCode="#,##0_);[Red]\(#,##0\)" sourceLinked="1"/>
        <c:majorTickMark val="out"/>
        <c:minorTickMark val="none"/>
        <c:tickLblPos val="nextTo"/>
        <c:crossAx val="92609536"/>
        <c:crosses val="autoZero"/>
        <c:crossBetween val="between"/>
      </c:valAx>
    </c:plotArea>
    <c:plotVisOnly val="1"/>
    <c:dispBlanksAs val="gap"/>
    <c:showDLblsOverMax val="0"/>
  </c:chart>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094652580642459"/>
          <c:y val="5.328386685772879E-2"/>
          <c:w val="0.80225640614164284"/>
          <c:h val="0.75405023742857247"/>
        </c:manualLayout>
      </c:layout>
      <c:barChart>
        <c:barDir val="col"/>
        <c:grouping val="clustered"/>
        <c:varyColors val="0"/>
        <c:ser>
          <c:idx val="0"/>
          <c:order val="0"/>
          <c:tx>
            <c:strRef>
              <c:f>新!$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4:$K$4</c:f>
              <c:numCache>
                <c:formatCode>#,##0</c:formatCode>
                <c:ptCount val="10"/>
                <c:pt idx="0">
                  <c:v>96610</c:v>
                </c:pt>
                <c:pt idx="1">
                  <c:v>91331</c:v>
                </c:pt>
                <c:pt idx="2">
                  <c:v>96056</c:v>
                </c:pt>
                <c:pt idx="3">
                  <c:v>96380</c:v>
                </c:pt>
                <c:pt idx="4">
                  <c:v>109897</c:v>
                </c:pt>
                <c:pt idx="5">
                  <c:v>134521</c:v>
                </c:pt>
                <c:pt idx="6">
                  <c:v>155017</c:v>
                </c:pt>
                <c:pt idx="7">
                  <c:v>150341</c:v>
                </c:pt>
                <c:pt idx="8">
                  <c:v>147907</c:v>
                </c:pt>
                <c:pt idx="9">
                  <c:v>155281</c:v>
                </c:pt>
              </c:numCache>
            </c:numRef>
          </c:val>
          <c:extLst>
            <c:ext xmlns:c16="http://schemas.microsoft.com/office/drawing/2014/chart" uri="{C3380CC4-5D6E-409C-BE32-E72D297353CC}">
              <c16:uniqueId val="{00000000-74CD-49E5-9046-AF78590BAC67}"/>
            </c:ext>
          </c:extLst>
        </c:ser>
        <c:ser>
          <c:idx val="1"/>
          <c:order val="1"/>
          <c:tx>
            <c:strRef>
              <c:f>新!$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新!$B$3:$K$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新!$B$5:$K$5</c:f>
              <c:numCache>
                <c:formatCode>#,##0</c:formatCode>
                <c:ptCount val="10"/>
                <c:pt idx="0">
                  <c:v>132271</c:v>
                </c:pt>
                <c:pt idx="1">
                  <c:v>126594</c:v>
                </c:pt>
                <c:pt idx="2">
                  <c:v>124760</c:v>
                </c:pt>
                <c:pt idx="3">
                  <c:v>134962</c:v>
                </c:pt>
                <c:pt idx="4">
                  <c:v>135983</c:v>
                </c:pt>
                <c:pt idx="5">
                  <c:v>149952</c:v>
                </c:pt>
                <c:pt idx="6">
                  <c:v>140961</c:v>
                </c:pt>
                <c:pt idx="7">
                  <c:v>149742</c:v>
                </c:pt>
                <c:pt idx="8">
                  <c:v>161265</c:v>
                </c:pt>
                <c:pt idx="9">
                  <c:v>164005</c:v>
                </c:pt>
              </c:numCache>
            </c:numRef>
          </c:val>
          <c:extLst>
            <c:ext xmlns:c16="http://schemas.microsoft.com/office/drawing/2014/chart" uri="{C3380CC4-5D6E-409C-BE32-E72D297353CC}">
              <c16:uniqueId val="{00000001-74CD-49E5-9046-AF78590BAC67}"/>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800"/>
            </a:pPr>
            <a:endParaRPr lang="ja-JP"/>
          </a:p>
        </c:txPr>
      </c:dTable>
    </c:plotArea>
    <c:legend>
      <c:legendPos val="r"/>
      <c:layout>
        <c:manualLayout>
          <c:xMode val="edge"/>
          <c:yMode val="edge"/>
          <c:x val="0.27793235657161314"/>
          <c:y val="6.0638563472248892E-2"/>
          <c:w val="0.28147592330270432"/>
          <c:h val="0.14701555598233149"/>
        </c:manualLayout>
      </c:layout>
      <c:overlay val="0"/>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72365908249199"/>
          <c:y val="3.8425335726389329E-2"/>
          <c:w val="0.80310555045649967"/>
          <c:h val="0.6089609882093121"/>
        </c:manualLayout>
      </c:layout>
      <c:barChart>
        <c:barDir val="col"/>
        <c:grouping val="stacked"/>
        <c:varyColors val="0"/>
        <c:ser>
          <c:idx val="8"/>
          <c:order val="8"/>
          <c:tx>
            <c:strRef>
              <c:f>'グラフデータ '!$A$11:$B$11</c:f>
              <c:strCache>
                <c:ptCount val="2"/>
                <c:pt idx="0">
                  <c:v>全国</c:v>
                </c:pt>
                <c:pt idx="1">
                  <c:v>　日本人延べ宿泊者数</c:v>
                </c:pt>
              </c:strCache>
            </c:strRef>
          </c:tx>
          <c:spPr>
            <a:pattFill prst="ltDnDiag">
              <a:fgClr>
                <a:schemeClr val="tx1"/>
              </a:fgClr>
              <a:bgClr>
                <a:schemeClr val="bg1"/>
              </a:bgClr>
            </a:pattFill>
            <a:ln>
              <a:solidFill>
                <a:srgbClr val="002060"/>
              </a:solidFill>
            </a:ln>
          </c:spPr>
          <c:invertIfNegative val="0"/>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11:$K$11</c:f>
              <c:numCache>
                <c:formatCode>#,##0_);[Red]\(#,##0\)</c:formatCode>
                <c:ptCount val="9"/>
                <c:pt idx="0">
                  <c:v>398818.76</c:v>
                </c:pt>
                <c:pt idx="1">
                  <c:v>413180.78</c:v>
                </c:pt>
                <c:pt idx="2">
                  <c:v>432397.64</c:v>
                </c:pt>
                <c:pt idx="3">
                  <c:v>428677.35</c:v>
                </c:pt>
                <c:pt idx="4">
                  <c:v>438463.77</c:v>
                </c:pt>
                <c:pt idx="5">
                  <c:v>423096.22</c:v>
                </c:pt>
                <c:pt idx="6">
                  <c:v>429906.27</c:v>
                </c:pt>
                <c:pt idx="7">
                  <c:v>443726.26</c:v>
                </c:pt>
                <c:pt idx="8" formatCode="General">
                  <c:v>480265</c:v>
                </c:pt>
              </c:numCache>
            </c:numRef>
          </c:val>
          <c:extLst>
            <c:ext xmlns:c16="http://schemas.microsoft.com/office/drawing/2014/chart" uri="{C3380CC4-5D6E-409C-BE32-E72D297353CC}">
              <c16:uniqueId val="{00000000-9229-40B2-8614-972B20E97D74}"/>
            </c:ext>
          </c:extLst>
        </c:ser>
        <c:ser>
          <c:idx val="9"/>
          <c:order val="9"/>
          <c:tx>
            <c:strRef>
              <c:f>'グラフデータ '!$A$10:$B$10</c:f>
              <c:strCache>
                <c:ptCount val="2"/>
                <c:pt idx="0">
                  <c:v>全国</c:v>
                </c:pt>
                <c:pt idx="1">
                  <c:v>　外国人延べ宿泊者数</c:v>
                </c:pt>
              </c:strCache>
            </c:strRef>
          </c:tx>
          <c:spPr>
            <a:pattFill prst="pct10">
              <a:fgClr>
                <a:schemeClr val="tx1"/>
              </a:fgClr>
              <a:bgClr>
                <a:schemeClr val="bg1"/>
              </a:bgClr>
            </a:pattFill>
            <a:ln>
              <a:solidFill>
                <a:srgbClr val="002060"/>
              </a:solidFill>
            </a:ln>
          </c:spPr>
          <c:invertIfNegative val="0"/>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10:$K$10</c:f>
              <c:numCache>
                <c:formatCode>#,##0_);[Red]\(#,##0\)</c:formatCode>
                <c:ptCount val="9"/>
                <c:pt idx="0">
                  <c:v>18415.689999999999</c:v>
                </c:pt>
                <c:pt idx="1">
                  <c:v>26314.34</c:v>
                </c:pt>
                <c:pt idx="2">
                  <c:v>33495.730000000003</c:v>
                </c:pt>
                <c:pt idx="3">
                  <c:v>44824.6</c:v>
                </c:pt>
                <c:pt idx="4">
                  <c:v>65614.600000000006</c:v>
                </c:pt>
                <c:pt idx="5">
                  <c:v>69388.94</c:v>
                </c:pt>
                <c:pt idx="6">
                  <c:v>79690.59</c:v>
                </c:pt>
                <c:pt idx="7">
                  <c:v>94275.24</c:v>
                </c:pt>
                <c:pt idx="8" formatCode="General">
                  <c:v>115656</c:v>
                </c:pt>
              </c:numCache>
            </c:numRef>
          </c:val>
          <c:extLst>
            <c:ext xmlns:c16="http://schemas.microsoft.com/office/drawing/2014/chart" uri="{C3380CC4-5D6E-409C-BE32-E72D297353CC}">
              <c16:uniqueId val="{00000001-9229-40B2-8614-972B20E97D74}"/>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A$4:$B$4</c:f>
              <c:strCache>
                <c:ptCount val="2"/>
                <c:pt idx="0">
                  <c:v>大阪府</c:v>
                </c:pt>
                <c:pt idx="1">
                  <c:v>　外国人延べ宿泊者数の全国シェア</c:v>
                </c:pt>
              </c:strCache>
            </c:strRef>
          </c:tx>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4:$K$4</c:f>
              <c:numCache>
                <c:formatCode>0.0%</c:formatCode>
                <c:ptCount val="9"/>
                <c:pt idx="0">
                  <c:v>0.12844427767843616</c:v>
                </c:pt>
                <c:pt idx="1">
                  <c:v>0.11631870683437243</c:v>
                </c:pt>
                <c:pt idx="2">
                  <c:v>0.12880746292139325</c:v>
                </c:pt>
                <c:pt idx="3">
                  <c:v>0.13832047581015783</c:v>
                </c:pt>
                <c:pt idx="4">
                  <c:v>0.13664138773992374</c:v>
                </c:pt>
                <c:pt idx="5">
                  <c:v>0.14424243978939583</c:v>
                </c:pt>
                <c:pt idx="6">
                  <c:v>0.14646697935101247</c:v>
                </c:pt>
                <c:pt idx="7">
                  <c:v>0.16042536725443499</c:v>
                </c:pt>
                <c:pt idx="8">
                  <c:v>0.15499512132278082</c:v>
                </c:pt>
              </c:numCache>
            </c:numRef>
          </c:val>
          <c:smooth val="0"/>
          <c:extLst>
            <c:ext xmlns:c16="http://schemas.microsoft.com/office/drawing/2014/chart" uri="{C3380CC4-5D6E-409C-BE32-E72D297353CC}">
              <c16:uniqueId val="{00000002-9229-40B2-8614-972B20E97D74}"/>
            </c:ext>
          </c:extLst>
        </c:ser>
        <c:ser>
          <c:idx val="1"/>
          <c:order val="1"/>
          <c:tx>
            <c:strRef>
              <c:f>'グラフデータ '!$A$5:$B$5</c:f>
              <c:strCache>
                <c:ptCount val="2"/>
                <c:pt idx="0">
                  <c:v>大阪府</c:v>
                </c:pt>
                <c:pt idx="1">
                  <c:v>　日本人延べ宿泊者数の全国シェア</c:v>
                </c:pt>
              </c:strCache>
            </c:strRef>
          </c:tx>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5:$K$5</c:f>
              <c:numCache>
                <c:formatCode>0.0%</c:formatCode>
                <c:ptCount val="9"/>
                <c:pt idx="0">
                  <c:v>4.8641743934011529E-2</c:v>
                </c:pt>
                <c:pt idx="1">
                  <c:v>4.9089335665613486E-2</c:v>
                </c:pt>
                <c:pt idx="2">
                  <c:v>4.5252166501186269E-2</c:v>
                </c:pt>
                <c:pt idx="3">
                  <c:v>5.1715095280868005E-2</c:v>
                </c:pt>
                <c:pt idx="4">
                  <c:v>4.8807704226052698E-2</c:v>
                </c:pt>
                <c:pt idx="5">
                  <c:v>4.9637975966790725E-2</c:v>
                </c:pt>
                <c:pt idx="6">
                  <c:v>5.0104968229470109E-2</c:v>
                </c:pt>
                <c:pt idx="7">
                  <c:v>5.5831336193625326E-2</c:v>
                </c:pt>
                <c:pt idx="8">
                  <c:v>6.1427195432656123E-2</c:v>
                </c:pt>
              </c:numCache>
            </c:numRef>
          </c:val>
          <c:smooth val="0"/>
          <c:extLst>
            <c:ext xmlns:c16="http://schemas.microsoft.com/office/drawing/2014/chart" uri="{C3380CC4-5D6E-409C-BE32-E72D297353CC}">
              <c16:uniqueId val="{00000003-9229-40B2-8614-972B20E97D74}"/>
            </c:ext>
          </c:extLst>
        </c:ser>
        <c:ser>
          <c:idx val="2"/>
          <c:order val="2"/>
          <c:tx>
            <c:strRef>
              <c:f>'グラフデータ '!$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6:$K$6</c:f>
              <c:numCache>
                <c:formatCode>0.0%</c:formatCode>
                <c:ptCount val="9"/>
                <c:pt idx="0">
                  <c:v>0.30690188638058097</c:v>
                </c:pt>
                <c:pt idx="1">
                  <c:v>0.31510347589945253</c:v>
                </c:pt>
                <c:pt idx="2">
                  <c:v>0.29349860415043949</c:v>
                </c:pt>
                <c:pt idx="3">
                  <c:v>0.29437540993115391</c:v>
                </c:pt>
                <c:pt idx="4">
                  <c:v>0.2676323562134037</c:v>
                </c:pt>
                <c:pt idx="5">
                  <c:v>0.26027144959989301</c:v>
                </c:pt>
                <c:pt idx="6">
                  <c:v>0.24815840866531419</c:v>
                </c:pt>
                <c:pt idx="7">
                  <c:v>0.24602992259685574</c:v>
                </c:pt>
                <c:pt idx="8">
                  <c:v>0.25377465223483192</c:v>
                </c:pt>
              </c:numCache>
            </c:numRef>
          </c:val>
          <c:smooth val="0"/>
          <c:extLst>
            <c:ext xmlns:c16="http://schemas.microsoft.com/office/drawing/2014/chart" uri="{C3380CC4-5D6E-409C-BE32-E72D297353CC}">
              <c16:uniqueId val="{00000004-9229-40B2-8614-972B20E97D74}"/>
            </c:ext>
          </c:extLst>
        </c:ser>
        <c:ser>
          <c:idx val="3"/>
          <c:order val="3"/>
          <c:tx>
            <c:strRef>
              <c:f>'グラフデータ '!$A$7:$B$7</c:f>
              <c:strCache>
                <c:ptCount val="2"/>
                <c:pt idx="0">
                  <c:v>東京都</c:v>
                </c:pt>
                <c:pt idx="1">
                  <c:v>　日本人延べ宿泊者数の全国シェア</c:v>
                </c:pt>
              </c:strCache>
            </c:strRef>
          </c:tx>
          <c:spPr>
            <a:ln>
              <a:prstDash val="sysDash"/>
            </a:ln>
          </c:spP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7:$K$7</c:f>
              <c:numCache>
                <c:formatCode>0.0%</c:formatCode>
                <c:ptCount val="9"/>
                <c:pt idx="0">
                  <c:v>8.9956926800534659E-2</c:v>
                </c:pt>
                <c:pt idx="1">
                  <c:v>9.8983621648615877E-2</c:v>
                </c:pt>
                <c:pt idx="2">
                  <c:v>9.9429566729365121E-2</c:v>
                </c:pt>
                <c:pt idx="3">
                  <c:v>9.579120520363392E-2</c:v>
                </c:pt>
                <c:pt idx="4">
                  <c:v>9.4710972356963491E-2</c:v>
                </c:pt>
                <c:pt idx="5">
                  <c:v>9.3252995736998079E-2</c:v>
                </c:pt>
                <c:pt idx="6">
                  <c:v>9.3447764788357229E-2</c:v>
                </c:pt>
                <c:pt idx="7">
                  <c:v>9.6713974061395411E-2</c:v>
                </c:pt>
                <c:pt idx="8">
                  <c:v>0.10334098167818263</c:v>
                </c:pt>
              </c:numCache>
            </c:numRef>
          </c:val>
          <c:smooth val="0"/>
          <c:extLst>
            <c:ext xmlns:c16="http://schemas.microsoft.com/office/drawing/2014/chart" uri="{C3380CC4-5D6E-409C-BE32-E72D297353CC}">
              <c16:uniqueId val="{00000005-9229-40B2-8614-972B20E97D74}"/>
            </c:ext>
          </c:extLst>
        </c:ser>
        <c:ser>
          <c:idx val="4"/>
          <c:order val="4"/>
          <c:tx>
            <c:strRef>
              <c:f>'グラフデータ '!$A$8:$B$8</c:f>
              <c:strCache>
                <c:ptCount val="2"/>
                <c:pt idx="0">
                  <c:v>京都府</c:v>
                </c:pt>
                <c:pt idx="1">
                  <c:v>　外国人延べ宿泊者数の全国シェア</c:v>
                </c:pt>
              </c:strCache>
            </c:strRef>
          </c:tx>
          <c:spPr>
            <a:ln cmpd="dbl"/>
          </c:spP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8:$K$8</c:f>
              <c:numCache>
                <c:formatCode>0.0%</c:formatCode>
                <c:ptCount val="9"/>
                <c:pt idx="0">
                  <c:v>5.7165384517224173E-2</c:v>
                </c:pt>
                <c:pt idx="1">
                  <c:v>8.7601285078782148E-2</c:v>
                </c:pt>
                <c:pt idx="2">
                  <c:v>7.8394469981696177E-2</c:v>
                </c:pt>
                <c:pt idx="3">
                  <c:v>7.3419729345047147E-2</c:v>
                </c:pt>
                <c:pt idx="4">
                  <c:v>6.9781268193359405E-2</c:v>
                </c:pt>
                <c:pt idx="5">
                  <c:v>6.6333481964128582E-2</c:v>
                </c:pt>
                <c:pt idx="6">
                  <c:v>6.9724417901787406E-2</c:v>
                </c:pt>
                <c:pt idx="7">
                  <c:v>6.6483522078543633E-2</c:v>
                </c:pt>
                <c:pt idx="8">
                  <c:v>0.10397224190457334</c:v>
                </c:pt>
              </c:numCache>
            </c:numRef>
          </c:val>
          <c:smooth val="0"/>
          <c:extLst>
            <c:ext xmlns:c16="http://schemas.microsoft.com/office/drawing/2014/chart" uri="{C3380CC4-5D6E-409C-BE32-E72D297353CC}">
              <c16:uniqueId val="{00000006-9229-40B2-8614-972B20E97D74}"/>
            </c:ext>
          </c:extLst>
        </c:ser>
        <c:ser>
          <c:idx val="5"/>
          <c:order val="5"/>
          <c:tx>
            <c:strRef>
              <c:f>'グラフデータ '!$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C$3:$K$3</c:f>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f>'グラフデータ '!$C$9:$K$9</c:f>
              <c:numCache>
                <c:formatCode>0.0%</c:formatCode>
                <c:ptCount val="9"/>
                <c:pt idx="0">
                  <c:v>3.3479794180193534E-2</c:v>
                </c:pt>
                <c:pt idx="1">
                  <c:v>3.3727561093233813E-2</c:v>
                </c:pt>
                <c:pt idx="2">
                  <c:v>4.038326851182629E-2</c:v>
                </c:pt>
                <c:pt idx="3">
                  <c:v>3.1948853840773256E-2</c:v>
                </c:pt>
                <c:pt idx="4">
                  <c:v>3.1191539497094595E-2</c:v>
                </c:pt>
                <c:pt idx="5">
                  <c:v>3.0836224440861232E-2</c:v>
                </c:pt>
                <c:pt idx="6">
                  <c:v>3.1088962717384885E-2</c:v>
                </c:pt>
                <c:pt idx="7">
                  <c:v>3.196337760131663E-2</c:v>
                </c:pt>
                <c:pt idx="8">
                  <c:v>3.8987860726011903E-2</c:v>
                </c:pt>
              </c:numCache>
            </c:numRef>
          </c:val>
          <c:smooth val="0"/>
          <c:extLst>
            <c:ext xmlns:c16="http://schemas.microsoft.com/office/drawing/2014/chart" uri="{C3380CC4-5D6E-409C-BE32-E72D297353CC}">
              <c16:uniqueId val="{00000007-9229-40B2-8614-972B20E97D74}"/>
            </c:ext>
          </c:extLst>
        </c:ser>
        <c:dLbls>
          <c:showLegendKey val="0"/>
          <c:showVal val="0"/>
          <c:showCatName val="0"/>
          <c:showSerName val="0"/>
          <c:showPercent val="0"/>
          <c:showBubbleSize val="0"/>
        </c:dLbls>
        <c:marker val="1"/>
        <c:smooth val="0"/>
        <c:axId val="1016805903"/>
        <c:axId val="1016785519"/>
        <c:extLst>
          <c:ext xmlns:c15="http://schemas.microsoft.com/office/drawing/2012/chart" uri="{02D57815-91ED-43cb-92C2-25804820EDAC}">
            <c15:filteredLineSeries>
              <c15:ser>
                <c:idx val="7"/>
                <c:order val="6"/>
                <c:tx>
                  <c:strRef>
                    <c:extLst>
                      <c:ext uri="{02D57815-91ED-43cb-92C2-25804820EDAC}">
                        <c15:formulaRef>
                          <c15:sqref>'グラフデータ '!#REF!</c15:sqref>
                        </c15:formulaRef>
                      </c:ext>
                    </c:extLst>
                    <c:strCache>
                      <c:ptCount val="1"/>
                      <c:pt idx="0">
                        <c:v>#REF!</c:v>
                      </c:pt>
                    </c:strCache>
                  </c:strRef>
                </c:tx>
                <c:cat>
                  <c:numRef>
                    <c:extLst>
                      <c:ext uri="{02D57815-91ED-43cb-92C2-25804820EDAC}">
                        <c15:formulaRef>
                          <c15:sqref>'グラフデータ '!$C$3:$K$3</c15:sqref>
                        </c15:formulaRef>
                      </c:ext>
                    </c:extLst>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extLst>
                      <c:ext uri="{02D57815-91ED-43cb-92C2-25804820EDAC}">
                        <c15:formulaRef>
                          <c15:sqref>'グラフデータ '!#REF!</c15:sqref>
                        </c15:formulaRef>
                      </c:ext>
                    </c:extLst>
                    <c:numCache>
                      <c:formatCode>General</c:formatCode>
                      <c:ptCount val="1"/>
                      <c:pt idx="0">
                        <c:v>1</c:v>
                      </c:pt>
                    </c:numCache>
                  </c:numRef>
                </c:val>
                <c:smooth val="0"/>
                <c:extLst>
                  <c:ext xmlns:c16="http://schemas.microsoft.com/office/drawing/2014/chart" uri="{C3380CC4-5D6E-409C-BE32-E72D297353CC}">
                    <c16:uniqueId val="{00000008-9229-40B2-8614-972B20E97D74}"/>
                  </c:ext>
                </c:extLst>
              </c15:ser>
            </c15:filteredLineSeries>
            <c15:filteredLineSeries>
              <c15:ser>
                <c:idx val="6"/>
                <c:order val="7"/>
                <c:tx>
                  <c:strRef>
                    <c:extLst xmlns:c15="http://schemas.microsoft.com/office/drawing/2012/chart">
                      <c:ext xmlns:c15="http://schemas.microsoft.com/office/drawing/2012/chart" uri="{02D57815-91ED-43cb-92C2-25804820EDAC}">
                        <c15:formulaRef>
                          <c15:sqref>'グラフデータ '!#REF!</c15:sqref>
                        </c15:formulaRef>
                      </c:ext>
                    </c:extLst>
                    <c:strCache>
                      <c:ptCount val="1"/>
                      <c:pt idx="0">
                        <c:v>#REF!</c:v>
                      </c:pt>
                    </c:strCache>
                  </c:strRef>
                </c:tx>
                <c:cat>
                  <c:numRef>
                    <c:extLst xmlns:c15="http://schemas.microsoft.com/office/drawing/2012/chart">
                      <c:ext xmlns:c15="http://schemas.microsoft.com/office/drawing/2012/chart" uri="{02D57815-91ED-43cb-92C2-25804820EDAC}">
                        <c15:formulaRef>
                          <c15:sqref>'グラフデータ '!$C$3:$K$3</c15:sqref>
                        </c15:formulaRef>
                      </c:ext>
                    </c:extLst>
                    <c:numCache>
                      <c:formatCode>General</c:formatCode>
                      <c:ptCount val="9"/>
                      <c:pt idx="0">
                        <c:v>2011</c:v>
                      </c:pt>
                      <c:pt idx="1">
                        <c:v>2012</c:v>
                      </c:pt>
                      <c:pt idx="2">
                        <c:v>2013</c:v>
                      </c:pt>
                      <c:pt idx="3">
                        <c:v>2014</c:v>
                      </c:pt>
                      <c:pt idx="4">
                        <c:v>2015</c:v>
                      </c:pt>
                      <c:pt idx="5">
                        <c:v>2016</c:v>
                      </c:pt>
                      <c:pt idx="6">
                        <c:v>2017</c:v>
                      </c:pt>
                      <c:pt idx="7">
                        <c:v>2018</c:v>
                      </c:pt>
                      <c:pt idx="8">
                        <c:v>2019</c:v>
                      </c:pt>
                    </c:numCache>
                  </c:numRef>
                </c:cat>
                <c:val>
                  <c:numRef>
                    <c:extLst xmlns:c15="http://schemas.microsoft.com/office/drawing/2012/chart">
                      <c:ext xmlns:c15="http://schemas.microsoft.com/office/drawing/2012/chart" uri="{02D57815-91ED-43cb-92C2-25804820EDAC}">
                        <c15:formulaRef>
                          <c15:sqref>'グラフデータ '!#REF!</c15:sqref>
                        </c15:formulaRef>
                      </c:ext>
                    </c:extLst>
                    <c:numCache>
                      <c:formatCode>General</c:formatCode>
                      <c:ptCount val="1"/>
                      <c:pt idx="0">
                        <c:v>1</c:v>
                      </c:pt>
                    </c:numCache>
                  </c:numRef>
                </c:val>
                <c:smooth val="0"/>
                <c:extLst xmlns:c15="http://schemas.microsoft.com/office/drawing/2012/chart">
                  <c:ext xmlns:c16="http://schemas.microsoft.com/office/drawing/2014/chart" uri="{C3380CC4-5D6E-409C-BE32-E72D297353CC}">
                    <c16:uniqueId val="{00000009-9229-40B2-8614-972B20E97D74}"/>
                  </c:ext>
                </c:extLst>
              </c15:ser>
            </c15:filteredLineSeries>
          </c:ext>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_);[Red]\(#,##0\)" sourceLinked="1"/>
        <c:majorTickMark val="out"/>
        <c:minorTickMark val="none"/>
        <c:tickLblPos val="high"/>
        <c:crossAx val="139089792"/>
        <c:crosses val="autoZero"/>
        <c:crossBetween val="between"/>
        <c:majorUnit val="200000"/>
      </c:valAx>
      <c:valAx>
        <c:axId val="1016785519"/>
        <c:scaling>
          <c:orientation val="minMax"/>
          <c:max val="0.4"/>
        </c:scaling>
        <c:delete val="0"/>
        <c:axPos val="r"/>
        <c:numFmt formatCode="0.0%" sourceLinked="1"/>
        <c:majorTickMark val="out"/>
        <c:minorTickMark val="none"/>
        <c:tickLblPos val="low"/>
        <c:crossAx val="1016805903"/>
        <c:crosses val="max"/>
        <c:crossBetween val="between"/>
        <c:majorUnit val="0.1"/>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0"/>
          <c:y val="0.73716458091765291"/>
          <c:w val="1"/>
          <c:h val="0.24093261121136325"/>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9.7999566744693067E-2"/>
          <c:w val="0.88957101287350304"/>
          <c:h val="0.71576738829489772"/>
        </c:manualLayout>
      </c:layout>
      <c:barChart>
        <c:barDir val="col"/>
        <c:grouping val="clustered"/>
        <c:varyColors val="0"/>
        <c:ser>
          <c:idx val="2"/>
          <c:order val="5"/>
          <c:tx>
            <c:strRef>
              <c:f>n2009_8_7!$T$26</c:f>
              <c:strCache>
                <c:ptCount val="1"/>
                <c:pt idx="0">
                  <c:v>全国</c:v>
                </c:pt>
              </c:strCache>
            </c:strRef>
          </c:tx>
          <c:spPr>
            <a:solidFill>
              <a:schemeClr val="accent1">
                <a:lumMod val="40000"/>
                <a:lumOff val="60000"/>
              </a:schemeClr>
            </a:solidFill>
          </c:spPr>
          <c:invertIfNegative val="0"/>
          <c:dLbls>
            <c:dLbl>
              <c:idx val="0"/>
              <c:layout>
                <c:manualLayout>
                  <c:x val="4.3316906258804074E-3"/>
                  <c:y val="4.923300606022114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9B-4702-8E17-2038FC7A8931}"/>
                </c:ext>
              </c:extLst>
            </c:dLbl>
            <c:dLbl>
              <c:idx val="1"/>
              <c:layout>
                <c:manualLayout>
                  <c:x val="0"/>
                  <c:y val="7.473841554559043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9B-4702-8E17-2038FC7A8931}"/>
                </c:ext>
              </c:extLst>
            </c:dLbl>
            <c:dLbl>
              <c:idx val="2"/>
              <c:layout>
                <c:manualLayout>
                  <c:x val="0"/>
                  <c:y val="6.875934230194319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9B-4702-8E17-2038FC7A8931}"/>
                </c:ext>
              </c:extLst>
            </c:dLbl>
            <c:dLbl>
              <c:idx val="3"/>
              <c:layout>
                <c:manualLayout>
                  <c:x val="0"/>
                  <c:y val="8.071748878923766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9B-4702-8E17-2038FC7A8931}"/>
                </c:ext>
              </c:extLst>
            </c:dLbl>
            <c:dLbl>
              <c:idx val="4"/>
              <c:layout>
                <c:manualLayout>
                  <c:x val="0"/>
                  <c:y val="-4.663846771219713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9B-4702-8E17-2038FC7A8931}"/>
                </c:ext>
              </c:extLst>
            </c:dLbl>
            <c:dLbl>
              <c:idx val="5"/>
              <c:layout>
                <c:manualLayout>
                  <c:x val="-4.3316906258804074E-3"/>
                  <c:y val="-2.8525615060154323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F9B-4702-8E17-2038FC7A8931}"/>
                </c:ext>
              </c:extLst>
            </c:dLbl>
            <c:spPr>
              <a:solidFill>
                <a:schemeClr val="bg1"/>
              </a:solidFill>
            </c:spPr>
            <c:txPr>
              <a:bodyPr/>
              <a:lstStyle/>
              <a:p>
                <a:pPr>
                  <a:defRPr sz="12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T$27:$T$35</c:f>
              <c:numCache>
                <c:formatCode>#,##0_);[Red]\(#,##0\)</c:formatCode>
                <c:ptCount val="9"/>
                <c:pt idx="0">
                  <c:v>2159</c:v>
                </c:pt>
                <c:pt idx="1">
                  <c:v>1892</c:v>
                </c:pt>
                <c:pt idx="2">
                  <c:v>2337</c:v>
                </c:pt>
                <c:pt idx="3">
                  <c:v>2427</c:v>
                </c:pt>
                <c:pt idx="4">
                  <c:v>2590</c:v>
                </c:pt>
                <c:pt idx="5">
                  <c:v>2847</c:v>
                </c:pt>
                <c:pt idx="6">
                  <c:v>3121</c:v>
                </c:pt>
                <c:pt idx="7">
                  <c:v>3313</c:v>
                </c:pt>
                <c:pt idx="8">
                  <c:v>3433</c:v>
                </c:pt>
              </c:numCache>
            </c:numRef>
          </c:val>
          <c:extLst>
            <c:ext xmlns:c16="http://schemas.microsoft.com/office/drawing/2014/chart" uri="{C3380CC4-5D6E-409C-BE32-E72D297353CC}">
              <c16:uniqueId val="{00000006-7F9B-4702-8E17-2038FC7A8931}"/>
            </c:ext>
          </c:extLst>
        </c:ser>
        <c:dLbls>
          <c:showLegendKey val="0"/>
          <c:showVal val="0"/>
          <c:showCatName val="0"/>
          <c:showSerName val="0"/>
          <c:showPercent val="0"/>
          <c:showBubbleSize val="0"/>
        </c:dLbls>
        <c:gapWidth val="150"/>
        <c:axId val="116065408"/>
        <c:axId val="116067328"/>
      </c:barChart>
      <c:lineChart>
        <c:grouping val="standard"/>
        <c:varyColors val="0"/>
        <c:ser>
          <c:idx val="0"/>
          <c:order val="0"/>
          <c:tx>
            <c:strRef>
              <c:f>n2009_8_7!$O$26</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O$27:$O$35</c:f>
              <c:numCache>
                <c:formatCode>#,##0_);[Red]\(#,##0\)</c:formatCode>
                <c:ptCount val="9"/>
                <c:pt idx="0">
                  <c:v>510</c:v>
                </c:pt>
                <c:pt idx="1">
                  <c:v>484</c:v>
                </c:pt>
                <c:pt idx="2">
                  <c:v>517</c:v>
                </c:pt>
                <c:pt idx="3">
                  <c:v>537</c:v>
                </c:pt>
                <c:pt idx="4">
                  <c:v>565</c:v>
                </c:pt>
                <c:pt idx="5">
                  <c:v>583</c:v>
                </c:pt>
                <c:pt idx="6">
                  <c:v>593</c:v>
                </c:pt>
                <c:pt idx="7">
                  <c:v>631</c:v>
                </c:pt>
                <c:pt idx="8" formatCode="General">
                  <c:v>670</c:v>
                </c:pt>
              </c:numCache>
            </c:numRef>
          </c:val>
          <c:smooth val="0"/>
          <c:extLst>
            <c:ext xmlns:c16="http://schemas.microsoft.com/office/drawing/2014/chart" uri="{C3380CC4-5D6E-409C-BE32-E72D297353CC}">
              <c16:uniqueId val="{00000007-7F9B-4702-8E17-2038FC7A8931}"/>
            </c:ext>
          </c:extLst>
        </c:ser>
        <c:ser>
          <c:idx val="1"/>
          <c:order val="1"/>
          <c:tx>
            <c:strRef>
              <c:f>n2009_8_7!$P$26</c:f>
              <c:strCache>
                <c:ptCount val="1"/>
                <c:pt idx="0">
                  <c:v>愛知</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P$27:$P$35</c:f>
              <c:numCache>
                <c:formatCode>#,##0_);[Red]\(#,##0\)</c:formatCode>
                <c:ptCount val="9"/>
                <c:pt idx="0">
                  <c:v>139</c:v>
                </c:pt>
                <c:pt idx="1">
                  <c:v>125</c:v>
                </c:pt>
                <c:pt idx="2">
                  <c:v>144</c:v>
                </c:pt>
                <c:pt idx="3">
                  <c:v>154</c:v>
                </c:pt>
                <c:pt idx="4">
                  <c:v>179</c:v>
                </c:pt>
                <c:pt idx="5">
                  <c:v>187</c:v>
                </c:pt>
                <c:pt idx="6">
                  <c:v>210</c:v>
                </c:pt>
                <c:pt idx="7">
                  <c:v>192</c:v>
                </c:pt>
                <c:pt idx="8" formatCode="General">
                  <c:v>216</c:v>
                </c:pt>
              </c:numCache>
            </c:numRef>
          </c:val>
          <c:smooth val="0"/>
          <c:extLst>
            <c:ext xmlns:c16="http://schemas.microsoft.com/office/drawing/2014/chart" uri="{C3380CC4-5D6E-409C-BE32-E72D297353CC}">
              <c16:uniqueId val="{00000008-7F9B-4702-8E17-2038FC7A8931}"/>
            </c:ext>
          </c:extLst>
        </c:ser>
        <c:ser>
          <c:idx val="3"/>
          <c:order val="2"/>
          <c:tx>
            <c:strRef>
              <c:f>n2009_8_7!$Q$26</c:f>
              <c:strCache>
                <c:ptCount val="1"/>
                <c:pt idx="0">
                  <c:v>大阪</c:v>
                </c:pt>
              </c:strCache>
            </c:strRef>
          </c:tx>
          <c:spPr>
            <a:ln w="34925">
              <a:solidFill>
                <a:srgbClr val="FF0000"/>
              </a:solidFill>
              <a:prstDash val="solid"/>
            </a:ln>
          </c:spPr>
          <c:marker>
            <c:symbol val="square"/>
            <c:size val="6"/>
            <c:spPr>
              <a:solidFill>
                <a:srgbClr val="FF0000"/>
              </a:solidFill>
              <a:ln>
                <a:solidFill>
                  <a:srgbClr val="FF0000"/>
                </a:solidFill>
                <a:prstDash val="solid"/>
              </a:ln>
            </c:spPr>
          </c:marker>
          <c:dLbls>
            <c:dLbl>
              <c:idx val="2"/>
              <c:layout>
                <c:manualLayout>
                  <c:x val="-2.0214556254108569E-2"/>
                  <c:y val="3.30979931428604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7F9B-4702-8E17-2038FC7A8931}"/>
                </c:ext>
              </c:extLst>
            </c:dLbl>
            <c:dLbl>
              <c:idx val="3"/>
              <c:layout>
                <c:manualLayout>
                  <c:x val="-3.3573141486810551E-2"/>
                  <c:y val="-3.64648140955474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F9B-4702-8E17-2038FC7A8931}"/>
                </c:ext>
              </c:extLst>
            </c:dLbl>
            <c:dLbl>
              <c:idx val="4"/>
              <c:layout>
                <c:manualLayout>
                  <c:x val="-3.3573141486810551E-2"/>
                  <c:y val="-4.54334239610183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F9B-4702-8E17-2038FC7A8931}"/>
                </c:ext>
              </c:extLst>
            </c:dLbl>
            <c:dLbl>
              <c:idx val="5"/>
              <c:layout>
                <c:manualLayout>
                  <c:x val="-2.4546246879988975E-2"/>
                  <c:y val="-4.84853373056729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7F9B-4702-8E17-2038FC7A8931}"/>
                </c:ext>
              </c:extLst>
            </c:dLbl>
            <c:dLbl>
              <c:idx val="6"/>
              <c:layout>
                <c:manualLayout>
                  <c:x val="-1.155117500234786E-2"/>
                  <c:y val="2.85655858957195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7F9B-4702-8E17-2038FC7A8931}"/>
                </c:ext>
              </c:extLst>
            </c:dLbl>
            <c:dLbl>
              <c:idx val="7"/>
              <c:layout>
                <c:manualLayout>
                  <c:x val="-3.6097421882337788E-3"/>
                  <c:y val="-2.80895046935396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7F9B-4702-8E17-2038FC7A8931}"/>
                </c:ext>
              </c:extLst>
            </c:dLbl>
            <c:dLbl>
              <c:idx val="8"/>
              <c:layout>
                <c:manualLayout>
                  <c:x val="-2.0936504691755408E-2"/>
                  <c:y val="-4.62191336821026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7F9B-4702-8E17-2038FC7A8931}"/>
                </c:ext>
              </c:extLst>
            </c:dLbl>
            <c:spPr>
              <a:noFill/>
              <a:ln>
                <a:noFill/>
              </a:ln>
              <a:effectLst/>
            </c:spPr>
            <c:txPr>
              <a:bodyPr/>
              <a:lstStyle/>
              <a:p>
                <a:pPr>
                  <a:defRPr sz="12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Q$27:$Q$35</c:f>
              <c:numCache>
                <c:formatCode>#,##0_);[Red]\(#,##0\)</c:formatCode>
                <c:ptCount val="9"/>
                <c:pt idx="0">
                  <c:v>152</c:v>
                </c:pt>
                <c:pt idx="1">
                  <c:v>135</c:v>
                </c:pt>
                <c:pt idx="2">
                  <c:v>281</c:v>
                </c:pt>
                <c:pt idx="3">
                  <c:v>314</c:v>
                </c:pt>
                <c:pt idx="4">
                  <c:v>253</c:v>
                </c:pt>
                <c:pt idx="5">
                  <c:v>242</c:v>
                </c:pt>
                <c:pt idx="6">
                  <c:v>280</c:v>
                </c:pt>
                <c:pt idx="7">
                  <c:v>251</c:v>
                </c:pt>
                <c:pt idx="8" formatCode="General">
                  <c:v>240</c:v>
                </c:pt>
              </c:numCache>
            </c:numRef>
          </c:val>
          <c:smooth val="0"/>
          <c:extLst>
            <c:ext xmlns:c16="http://schemas.microsoft.com/office/drawing/2014/chart" uri="{C3380CC4-5D6E-409C-BE32-E72D297353CC}">
              <c16:uniqueId val="{0000000B-7F9B-4702-8E17-2038FC7A8931}"/>
            </c:ext>
          </c:extLst>
        </c:ser>
        <c:ser>
          <c:idx val="4"/>
          <c:order val="3"/>
          <c:tx>
            <c:strRef>
              <c:f>n2009_8_7!$R$26</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R$27:$R$35</c:f>
              <c:numCache>
                <c:formatCode>#,##0_);[Red]\(#,##0\)</c:formatCode>
                <c:ptCount val="9"/>
                <c:pt idx="0">
                  <c:v>160</c:v>
                </c:pt>
                <c:pt idx="1">
                  <c:v>145</c:v>
                </c:pt>
                <c:pt idx="2">
                  <c:v>202</c:v>
                </c:pt>
                <c:pt idx="3">
                  <c:v>179</c:v>
                </c:pt>
                <c:pt idx="4">
                  <c:v>211</c:v>
                </c:pt>
                <c:pt idx="5">
                  <c:v>230</c:v>
                </c:pt>
                <c:pt idx="6">
                  <c:v>290</c:v>
                </c:pt>
                <c:pt idx="7">
                  <c:v>334</c:v>
                </c:pt>
                <c:pt idx="8" formatCode="General">
                  <c:v>367</c:v>
                </c:pt>
              </c:numCache>
            </c:numRef>
          </c:val>
          <c:smooth val="0"/>
          <c:extLst>
            <c:ext xmlns:c16="http://schemas.microsoft.com/office/drawing/2014/chart" uri="{C3380CC4-5D6E-409C-BE32-E72D297353CC}">
              <c16:uniqueId val="{0000000C-7F9B-4702-8E17-2038FC7A8931}"/>
            </c:ext>
          </c:extLst>
        </c:ser>
        <c:ser>
          <c:idx val="5"/>
          <c:order val="4"/>
          <c:tx>
            <c:strRef>
              <c:f>n2009_8_7!$S$26</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n2009_8_7!$N$27:$N$35</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n2009_8_7!$S$27:$S$35</c:f>
              <c:numCache>
                <c:formatCode>#,##0_);[Red]\(#,##0\)</c:formatCode>
                <c:ptCount val="9"/>
                <c:pt idx="0">
                  <c:v>269</c:v>
                </c:pt>
                <c:pt idx="1">
                  <c:v>268</c:v>
                </c:pt>
                <c:pt idx="2">
                  <c:v>301</c:v>
                </c:pt>
                <c:pt idx="3">
                  <c:v>312</c:v>
                </c:pt>
                <c:pt idx="4">
                  <c:v>411</c:v>
                </c:pt>
                <c:pt idx="5">
                  <c:v>450</c:v>
                </c:pt>
                <c:pt idx="6">
                  <c:v>488</c:v>
                </c:pt>
                <c:pt idx="7">
                  <c:v>436</c:v>
                </c:pt>
                <c:pt idx="8" formatCode="General">
                  <c:v>427</c:v>
                </c:pt>
              </c:numCache>
            </c:numRef>
          </c:val>
          <c:smooth val="0"/>
          <c:extLst>
            <c:ext xmlns:c16="http://schemas.microsoft.com/office/drawing/2014/chart" uri="{C3380CC4-5D6E-409C-BE32-E72D297353CC}">
              <c16:uniqueId val="{0000000D-7F9B-4702-8E17-2038FC7A8931}"/>
            </c:ext>
          </c:extLst>
        </c:ser>
        <c:dLbls>
          <c:showLegendKey val="0"/>
          <c:showVal val="0"/>
          <c:showCatName val="0"/>
          <c:showSerName val="0"/>
          <c:showPercent val="0"/>
          <c:showBubbleSize val="0"/>
        </c:dLbls>
        <c:marker val="1"/>
        <c:smooth val="0"/>
        <c:axId val="116087424"/>
        <c:axId val="116085888"/>
      </c:lineChart>
      <c:catAx>
        <c:axId val="1160654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7328"/>
        <c:crosses val="autoZero"/>
        <c:auto val="1"/>
        <c:lblAlgn val="ctr"/>
        <c:lblOffset val="100"/>
        <c:tickLblSkip val="1"/>
        <c:tickMarkSkip val="1"/>
        <c:noMultiLvlLbl val="0"/>
      </c:catAx>
      <c:valAx>
        <c:axId val="1160673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0"/>
              <c:y val="0"/>
            </c:manualLayout>
          </c:layout>
          <c:overlay val="0"/>
          <c:spPr>
            <a:noFill/>
            <a:ln w="25400">
              <a:noFill/>
            </a:ln>
          </c:spPr>
        </c:title>
        <c:numFmt formatCode="#,##0_);[Red]\(#,##0\)" sourceLinked="1"/>
        <c:majorTickMark val="in"/>
        <c:minorTickMark val="none"/>
        <c:tickLblPos val="high"/>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65408"/>
        <c:crosses val="autoZero"/>
        <c:crossBetween val="between"/>
      </c:valAx>
      <c:valAx>
        <c:axId val="116085888"/>
        <c:scaling>
          <c:orientation val="minMax"/>
        </c:scaling>
        <c:delete val="0"/>
        <c:axPos val="r"/>
        <c:numFmt formatCode="#,##0_);[Red]\(#,##0\)" sourceLinked="1"/>
        <c:majorTickMark val="out"/>
        <c:minorTickMark val="none"/>
        <c:tickLblPos val="low"/>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16087424"/>
        <c:crosses val="max"/>
        <c:crossBetween val="between"/>
      </c:valAx>
      <c:catAx>
        <c:axId val="116087424"/>
        <c:scaling>
          <c:orientation val="minMax"/>
        </c:scaling>
        <c:delete val="1"/>
        <c:axPos val="b"/>
        <c:numFmt formatCode="General" sourceLinked="1"/>
        <c:majorTickMark val="out"/>
        <c:minorTickMark val="none"/>
        <c:tickLblPos val="nextTo"/>
        <c:crossAx val="116085888"/>
        <c:crosses val="autoZero"/>
        <c:auto val="1"/>
        <c:lblAlgn val="ctr"/>
        <c:lblOffset val="100"/>
        <c:noMultiLvlLbl val="0"/>
      </c:catAx>
      <c:spPr>
        <a:noFill/>
        <a:ln w="25400">
          <a:noFill/>
        </a:ln>
      </c:spPr>
    </c:plotArea>
    <c:legend>
      <c:legendPos val="b"/>
      <c:legendEntry>
        <c:idx val="0"/>
        <c:delete val="1"/>
      </c:legendEntry>
      <c:layout>
        <c:manualLayout>
          <c:xMode val="edge"/>
          <c:yMode val="edge"/>
          <c:x val="0.27258624214127858"/>
          <c:y val="0.90756173263579465"/>
          <c:w val="0.45482751571744279"/>
          <c:h val="7.4308638375642347E-2"/>
        </c:manualLayout>
      </c:layout>
      <c:overlay val="0"/>
      <c:txPr>
        <a:bodyPr/>
        <a:lstStyle/>
        <a:p>
          <a:pPr>
            <a:defRPr sz="1050"/>
          </a:pPr>
          <a:endParaRPr lang="ja-JP"/>
        </a:p>
      </c:txPr>
    </c:legend>
    <c:plotVisOnly val="1"/>
    <c:dispBlanksAs val="gap"/>
    <c:showDLblsOverMax val="0"/>
  </c:chart>
  <c:spPr>
    <a:solidFill>
      <a:srgbClr val="FFFFFF"/>
    </a:solid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30"/>
      <c:rotY val="0"/>
      <c:rAngAx val="0"/>
      <c:perspective val="0"/>
    </c:view3D>
    <c:floor>
      <c:thickness val="0"/>
    </c:floor>
    <c:sideWall>
      <c:thickness val="0"/>
    </c:sideWall>
    <c:backWall>
      <c:thickness val="0"/>
    </c:backWall>
    <c:plotArea>
      <c:layout/>
      <c:pie3DChart>
        <c:varyColors val="1"/>
        <c:ser>
          <c:idx val="0"/>
          <c:order val="0"/>
          <c:dPt>
            <c:idx val="0"/>
            <c:bubble3D val="0"/>
            <c:extLst>
              <c:ext xmlns:c16="http://schemas.microsoft.com/office/drawing/2014/chart" uri="{C3380CC4-5D6E-409C-BE32-E72D297353CC}">
                <c16:uniqueId val="{00000000-99A9-4590-AB81-46A2FAE88BC3}"/>
              </c:ext>
            </c:extLst>
          </c:dPt>
          <c:dPt>
            <c:idx val="1"/>
            <c:bubble3D val="0"/>
            <c:explosion val="34"/>
            <c:extLst>
              <c:ext xmlns:c16="http://schemas.microsoft.com/office/drawing/2014/chart" uri="{C3380CC4-5D6E-409C-BE32-E72D297353CC}">
                <c16:uniqueId val="{00000002-99A9-4590-AB81-46A2FAE88BC3}"/>
              </c:ext>
            </c:extLst>
          </c:dPt>
          <c:dPt>
            <c:idx val="2"/>
            <c:bubble3D val="0"/>
            <c:extLst>
              <c:ext xmlns:c16="http://schemas.microsoft.com/office/drawing/2014/chart" uri="{C3380CC4-5D6E-409C-BE32-E72D297353CC}">
                <c16:uniqueId val="{00000003-99A9-4590-AB81-46A2FAE88BC3}"/>
              </c:ext>
            </c:extLst>
          </c:dPt>
          <c:dPt>
            <c:idx val="3"/>
            <c:bubble3D val="0"/>
            <c:extLst>
              <c:ext xmlns:c16="http://schemas.microsoft.com/office/drawing/2014/chart" uri="{C3380CC4-5D6E-409C-BE32-E72D297353CC}">
                <c16:uniqueId val="{00000004-99A9-4590-AB81-46A2FAE88BC3}"/>
              </c:ext>
            </c:extLst>
          </c:dPt>
          <c:dPt>
            <c:idx val="4"/>
            <c:bubble3D val="0"/>
            <c:extLst>
              <c:ext xmlns:c16="http://schemas.microsoft.com/office/drawing/2014/chart" uri="{C3380CC4-5D6E-409C-BE32-E72D297353CC}">
                <c16:uniqueId val="{00000005-99A9-4590-AB81-46A2FAE88BC3}"/>
              </c:ext>
            </c:extLst>
          </c:dPt>
          <c:dLbls>
            <c:dLbl>
              <c:idx val="0"/>
              <c:layout>
                <c:manualLayout>
                  <c:x val="-1.912475260165589E-2"/>
                  <c:y val="-8.2392123493663996E-2"/>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0-99A9-4590-AB81-46A2FAE88BC3}"/>
                </c:ext>
              </c:extLst>
            </c:dLbl>
            <c:dLbl>
              <c:idx val="2"/>
              <c:layout>
                <c:manualLayout>
                  <c:x val="1.1295318773574077E-3"/>
                  <c:y val="0.10082530930921932"/>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3-99A9-4590-AB81-46A2FAE88BC3}"/>
                </c:ext>
              </c:extLst>
            </c:dLbl>
            <c:dLbl>
              <c:idx val="3"/>
              <c:layout>
                <c:manualLayout>
                  <c:x val="-1.3315128578554563E-2"/>
                  <c:y val="-2.6133252487186752E-2"/>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4-99A9-4590-AB81-46A2FAE88BC3}"/>
                </c:ext>
              </c:extLst>
            </c:dLbl>
            <c:dLbl>
              <c:idx val="4"/>
              <c:layout>
                <c:manualLayout>
                  <c:x val="-7.080281438615302E-3"/>
                  <c:y val="-5.5058957904333919E-2"/>
                </c:manualLayout>
              </c:layout>
              <c:showLegendKey val="0"/>
              <c:showVal val="1"/>
              <c:showCatName val="1"/>
              <c:showSerName val="0"/>
              <c:showPercent val="0"/>
              <c:showBubbleSize val="0"/>
              <c:separator> </c:separator>
              <c:extLst>
                <c:ext xmlns:c15="http://schemas.microsoft.com/office/drawing/2012/chart" uri="{CE6537A1-D6FC-4f65-9D91-7224C49458BB}"/>
                <c:ext xmlns:c16="http://schemas.microsoft.com/office/drawing/2014/chart" uri="{C3380CC4-5D6E-409C-BE32-E72D297353CC}">
                  <c16:uniqueId val="{00000005-99A9-4590-AB81-46A2FAE88BC3}"/>
                </c:ext>
              </c:extLst>
            </c:dLbl>
            <c:spPr>
              <a:noFill/>
              <a:ln w="25400">
                <a:noFill/>
              </a:ln>
            </c:spPr>
            <c:showLegendKey val="0"/>
            <c:showVal val="1"/>
            <c:showCatName val="1"/>
            <c:showSerName val="0"/>
            <c:showPercent val="0"/>
            <c:showBubbleSize val="0"/>
            <c:separator> </c:separator>
            <c:showLeaderLines val="1"/>
            <c:extLst>
              <c:ext xmlns:c15="http://schemas.microsoft.com/office/drawing/2012/chart" uri="{CE6537A1-D6FC-4f65-9D91-7224C49458BB}"/>
            </c:extLst>
          </c:dLbls>
          <c:cat>
            <c:strRef>
              <c:f>グラフ2019!$D$5:$H$5</c:f>
              <c:strCache>
                <c:ptCount val="5"/>
                <c:pt idx="0">
                  <c:v>成田空港</c:v>
                </c:pt>
                <c:pt idx="1">
                  <c:v>関西空港</c:v>
                </c:pt>
                <c:pt idx="2">
                  <c:v>羽田空港</c:v>
                </c:pt>
                <c:pt idx="3">
                  <c:v>中部空港</c:v>
                </c:pt>
                <c:pt idx="4">
                  <c:v>その他</c:v>
                </c:pt>
              </c:strCache>
            </c:strRef>
          </c:cat>
          <c:val>
            <c:numRef>
              <c:f>グラフ2019!$D$8:$H$8</c:f>
              <c:numCache>
                <c:formatCode>0.0%</c:formatCode>
                <c:ptCount val="5"/>
                <c:pt idx="0">
                  <c:v>0.28789949228816109</c:v>
                </c:pt>
                <c:pt idx="1">
                  <c:v>0.26863728200617309</c:v>
                </c:pt>
                <c:pt idx="2">
                  <c:v>0.13749489814388149</c:v>
                </c:pt>
                <c:pt idx="3">
                  <c:v>5.6961035174101511E-2</c:v>
                </c:pt>
                <c:pt idx="4">
                  <c:v>0.24900729238768277</c:v>
                </c:pt>
              </c:numCache>
            </c:numRef>
          </c:val>
          <c:extLst>
            <c:ext xmlns:c16="http://schemas.microsoft.com/office/drawing/2014/chart" uri="{C3380CC4-5D6E-409C-BE32-E72D297353CC}">
              <c16:uniqueId val="{00000006-99A9-4590-AB81-46A2FAE88BC3}"/>
            </c:ext>
          </c:extLst>
        </c:ser>
        <c:dLbls>
          <c:showLegendKey val="0"/>
          <c:showVal val="0"/>
          <c:showCatName val="0"/>
          <c:showSerName val="0"/>
          <c:showPercent val="0"/>
          <c:showBubbleSize val="0"/>
          <c:showLeaderLines val="1"/>
        </c:dLbls>
      </c:pie3DChart>
      <c:spPr>
        <a:noFill/>
        <a:ln w="25400">
          <a:noFill/>
        </a:ln>
      </c:spPr>
    </c:plotArea>
    <c:plotVisOnly val="1"/>
    <c:dispBlanksAs val="gap"/>
    <c:showDLblsOverMax val="0"/>
  </c:chart>
  <c:txPr>
    <a:bodyPr/>
    <a:lstStyle/>
    <a:p>
      <a:pPr>
        <a:defRPr sz="1200"/>
      </a:pPr>
      <a:endParaRPr lang="ja-JP"/>
    </a:p>
  </c:txPr>
  <c:externalData r:id="rId1">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88E-2"/>
          <c:y val="9.1682406768640312E-2"/>
          <c:w val="0.87080314960629912"/>
          <c:h val="0.77615909793753124"/>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2.5285272962502374E-2"/>
                  <c:y val="-3.88415294219803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E6-49B3-B084-FAADE8273184}"/>
                </c:ext>
              </c:extLst>
            </c:dLbl>
            <c:dLbl>
              <c:idx val="1"/>
              <c:layout>
                <c:manualLayout>
                  <c:x val="-3.2664493371704219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E6-49B3-B084-FAADE8273184}"/>
                </c:ext>
              </c:extLst>
            </c:dLbl>
            <c:dLbl>
              <c:idx val="2"/>
              <c:layout>
                <c:manualLayout>
                  <c:x val="-3.1108326673380378E-2"/>
                  <c:y val="-4.47230310573389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E6-49B3-B084-FAADE8273184}"/>
                </c:ext>
              </c:extLst>
            </c:dLbl>
            <c:dLbl>
              <c:idx val="3"/>
              <c:layout>
                <c:manualLayout>
                  <c:x val="-2.6841327666101669E-2"/>
                  <c:y val="-3.5900778604301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E6-49B3-B084-FAADE8273184}"/>
                </c:ext>
              </c:extLst>
            </c:dLbl>
            <c:dLbl>
              <c:idx val="7"/>
              <c:layout>
                <c:manualLayout>
                  <c:x val="-4.546544181977253E-2"/>
                  <c:y val="-4.87513381069058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4:$K$4</c:f>
              <c:numCache>
                <c:formatCode>General</c:formatCode>
                <c:ptCount val="10"/>
                <c:pt idx="0" formatCode="0.0">
                  <c:v>46.3</c:v>
                </c:pt>
                <c:pt idx="1">
                  <c:v>46.2</c:v>
                </c:pt>
                <c:pt idx="2" formatCode="0.0">
                  <c:v>46.2</c:v>
                </c:pt>
                <c:pt idx="3" formatCode="0.0">
                  <c:v>47.1</c:v>
                </c:pt>
                <c:pt idx="4" formatCode="0.0">
                  <c:v>47.6</c:v>
                </c:pt>
                <c:pt idx="5" formatCode="0.0">
                  <c:v>48</c:v>
                </c:pt>
                <c:pt idx="6" formatCode="0.0">
                  <c:v>48.9</c:v>
                </c:pt>
                <c:pt idx="7">
                  <c:v>49.8</c:v>
                </c:pt>
                <c:pt idx="8">
                  <c:v>51.3</c:v>
                </c:pt>
                <c:pt idx="9">
                  <c:v>52.2</c:v>
                </c:pt>
              </c:numCache>
            </c:numRef>
          </c:val>
          <c:smooth val="0"/>
          <c:extLst>
            <c:ext xmlns:c16="http://schemas.microsoft.com/office/drawing/2014/chart" uri="{C3380CC4-5D6E-409C-BE32-E72D297353CC}">
              <c16:uniqueId val="{00000005-3BE6-49B3-B084-FAADE8273184}"/>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BE6-49B3-B084-FAADE8273184}"/>
                </c:ext>
              </c:extLst>
            </c:dLbl>
            <c:dLbl>
              <c:idx val="9"/>
              <c:layout>
                <c:manualLayout>
                  <c:x val="-2.7785667183933074E-2"/>
                  <c:y val="-3.18726446496281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BE6-49B3-B084-FAADE8273184}"/>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K$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5:$K$5</c:f>
              <c:numCache>
                <c:formatCode>0.0</c:formatCode>
                <c:ptCount val="10"/>
                <c:pt idx="0">
                  <c:v>42.8</c:v>
                </c:pt>
                <c:pt idx="1">
                  <c:v>43.5</c:v>
                </c:pt>
                <c:pt idx="2" formatCode="General">
                  <c:v>43.9</c:v>
                </c:pt>
                <c:pt idx="3">
                  <c:v>44.6</c:v>
                </c:pt>
                <c:pt idx="4">
                  <c:v>44.8</c:v>
                </c:pt>
                <c:pt idx="5">
                  <c:v>45.3</c:v>
                </c:pt>
                <c:pt idx="6">
                  <c:v>46.8</c:v>
                </c:pt>
                <c:pt idx="7" formatCode="General">
                  <c:v>47.7</c:v>
                </c:pt>
                <c:pt idx="8" formatCode="General">
                  <c:v>48.6</c:v>
                </c:pt>
                <c:pt idx="9">
                  <c:v>51</c:v>
                </c:pt>
              </c:numCache>
            </c:numRef>
          </c:val>
          <c:smooth val="0"/>
          <c:extLst>
            <c:ext xmlns:c16="http://schemas.microsoft.com/office/drawing/2014/chart" uri="{C3380CC4-5D6E-409C-BE32-E72D297353CC}">
              <c16:uniqueId val="{00000008-3BE6-49B3-B084-FAADE8273184}"/>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5"/>
          <c:min val="42"/>
        </c:scaling>
        <c:delete val="0"/>
        <c:axPos val="l"/>
        <c:majorGridlines/>
        <c:title>
          <c:tx>
            <c:rich>
              <a:bodyPr rot="0" vert="horz"/>
              <a:lstStyle/>
              <a:p>
                <a:pPr>
                  <a:defRPr/>
                </a:pPr>
                <a:r>
                  <a:rPr lang="ja-JP" altLang="en-US"/>
                  <a:t>（％）</a:t>
                </a:r>
              </a:p>
            </c:rich>
          </c:tx>
          <c:layout>
            <c:manualLayout>
              <c:xMode val="edge"/>
              <c:yMode val="edge"/>
              <c:x val="4.336946533258023E-2"/>
              <c:y val="2.6094183343679116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0.10687689353657974"/>
          <c:w val="0.88239298862259286"/>
          <c:h val="0.45330145866498989"/>
        </c:manualLayout>
      </c:layout>
      <c:barChart>
        <c:barDir val="col"/>
        <c:grouping val="stacked"/>
        <c:varyColors val="0"/>
        <c:ser>
          <c:idx val="0"/>
          <c:order val="0"/>
          <c:tx>
            <c:strRef>
              <c:f>'2020.4月度 '!$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8DC1-4E86-BD81-A002D0FF3D1C}"/>
                </c:ext>
              </c:extLst>
            </c:dLbl>
            <c:dLbl>
              <c:idx val="3"/>
              <c:delete val="1"/>
              <c:extLst>
                <c:ext xmlns:c15="http://schemas.microsoft.com/office/drawing/2012/chart" uri="{CE6537A1-D6FC-4f65-9D91-7224C49458BB}"/>
                <c:ext xmlns:c16="http://schemas.microsoft.com/office/drawing/2014/chart" uri="{C3380CC4-5D6E-409C-BE32-E72D297353CC}">
                  <c16:uniqueId val="{00000001-8DC1-4E86-BD81-A002D0FF3D1C}"/>
                </c:ext>
              </c:extLst>
            </c:dLbl>
            <c:dLbl>
              <c:idx val="5"/>
              <c:delete val="1"/>
              <c:extLst>
                <c:ext xmlns:c15="http://schemas.microsoft.com/office/drawing/2012/chart" uri="{CE6537A1-D6FC-4f65-9D91-7224C49458BB}"/>
                <c:ext xmlns:c16="http://schemas.microsoft.com/office/drawing/2014/chart" uri="{C3380CC4-5D6E-409C-BE32-E72D297353CC}">
                  <c16:uniqueId val="{00000002-8DC1-4E86-BD81-A002D0FF3D1C}"/>
                </c:ext>
              </c:extLst>
            </c:dLbl>
            <c:dLbl>
              <c:idx val="7"/>
              <c:delete val="1"/>
              <c:extLst>
                <c:ext xmlns:c15="http://schemas.microsoft.com/office/drawing/2012/chart" uri="{CE6537A1-D6FC-4f65-9D91-7224C49458BB}"/>
                <c:ext xmlns:c16="http://schemas.microsoft.com/office/drawing/2014/chart" uri="{C3380CC4-5D6E-409C-BE32-E72D297353CC}">
                  <c16:uniqueId val="{00000003-8DC1-4E86-BD81-A002D0FF3D1C}"/>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6:$L$6</c:f>
              <c:numCache>
                <c:formatCode>General</c:formatCode>
                <c:ptCount val="8"/>
                <c:pt idx="0">
                  <c:v>8160</c:v>
                </c:pt>
                <c:pt idx="1">
                  <c:v>0</c:v>
                </c:pt>
                <c:pt idx="2">
                  <c:v>2491</c:v>
                </c:pt>
                <c:pt idx="3">
                  <c:v>0</c:v>
                </c:pt>
                <c:pt idx="4">
                  <c:v>2806</c:v>
                </c:pt>
                <c:pt idx="5">
                  <c:v>0</c:v>
                </c:pt>
                <c:pt idx="6">
                  <c:v>6753</c:v>
                </c:pt>
                <c:pt idx="7">
                  <c:v>0</c:v>
                </c:pt>
              </c:numCache>
            </c:numRef>
          </c:val>
          <c:extLst>
            <c:ext xmlns:c16="http://schemas.microsoft.com/office/drawing/2014/chart" uri="{C3380CC4-5D6E-409C-BE32-E72D297353CC}">
              <c16:uniqueId val="{00000004-8DC1-4E86-BD81-A002D0FF3D1C}"/>
            </c:ext>
          </c:extLst>
        </c:ser>
        <c:ser>
          <c:idx val="1"/>
          <c:order val="1"/>
          <c:tx>
            <c:strRef>
              <c:f>'2020.4月度 '!$B$7</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7:$L$7</c:f>
              <c:numCache>
                <c:formatCode>General</c:formatCode>
                <c:ptCount val="8"/>
                <c:pt idx="1">
                  <c:v>1763</c:v>
                </c:pt>
                <c:pt idx="3">
                  <c:v>1306</c:v>
                </c:pt>
                <c:pt idx="5">
                  <c:v>1186</c:v>
                </c:pt>
                <c:pt idx="7">
                  <c:v>1230</c:v>
                </c:pt>
              </c:numCache>
            </c:numRef>
          </c:val>
          <c:extLst>
            <c:ext xmlns:c16="http://schemas.microsoft.com/office/drawing/2014/chart" uri="{C3380CC4-5D6E-409C-BE32-E72D297353CC}">
              <c16:uniqueId val="{00000005-8DC1-4E86-BD81-A002D0FF3D1C}"/>
            </c:ext>
          </c:extLst>
        </c:ser>
        <c:ser>
          <c:idx val="2"/>
          <c:order val="2"/>
          <c:tx>
            <c:strRef>
              <c:f>'2020.4月度 '!$B$8</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8:$L$8</c:f>
              <c:numCache>
                <c:formatCode>General</c:formatCode>
                <c:ptCount val="8"/>
                <c:pt idx="1">
                  <c:v>1904</c:v>
                </c:pt>
                <c:pt idx="3">
                  <c:v>4025</c:v>
                </c:pt>
                <c:pt idx="5">
                  <c:v>564</c:v>
                </c:pt>
                <c:pt idx="7">
                  <c:v>934</c:v>
                </c:pt>
              </c:numCache>
            </c:numRef>
          </c:val>
          <c:extLst>
            <c:ext xmlns:c16="http://schemas.microsoft.com/office/drawing/2014/chart" uri="{C3380CC4-5D6E-409C-BE32-E72D297353CC}">
              <c16:uniqueId val="{00000006-8DC1-4E86-BD81-A002D0FF3D1C}"/>
            </c:ext>
          </c:extLst>
        </c:ser>
        <c:dLbls>
          <c:showLegendKey val="0"/>
          <c:showVal val="0"/>
          <c:showCatName val="0"/>
          <c:showSerName val="0"/>
          <c:showPercent val="0"/>
          <c:showBubbleSize val="0"/>
        </c:dLbls>
        <c:gapWidth val="66"/>
        <c:overlap val="100"/>
        <c:axId val="94345088"/>
        <c:axId val="94346624"/>
      </c:barChart>
      <c:catAx>
        <c:axId val="94345088"/>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94346624"/>
        <c:crosses val="autoZero"/>
        <c:auto val="1"/>
        <c:lblAlgn val="ctr"/>
        <c:lblOffset val="100"/>
        <c:noMultiLvlLbl val="0"/>
      </c:catAx>
      <c:valAx>
        <c:axId val="94346624"/>
        <c:scaling>
          <c:orientation val="minMax"/>
          <c:max val="12000"/>
        </c:scaling>
        <c:delete val="0"/>
        <c:axPos val="l"/>
        <c:majorGridlines/>
        <c:title>
          <c:tx>
            <c:rich>
              <a:bodyPr rot="0" vert="horz"/>
              <a:lstStyle/>
              <a:p>
                <a:pPr>
                  <a:defRPr/>
                </a:pPr>
                <a:r>
                  <a:rPr lang="ja-JP" altLang="en-US" dirty="0"/>
                  <a:t>（件）</a:t>
                </a:r>
              </a:p>
            </c:rich>
          </c:tx>
          <c:layout>
            <c:manualLayout>
              <c:xMode val="edge"/>
              <c:yMode val="edge"/>
              <c:x val="2.2285588944944066E-2"/>
              <c:y val="1.7342824379455432E-2"/>
            </c:manualLayout>
          </c:layout>
          <c:overlay val="0"/>
        </c:title>
        <c:numFmt formatCode="General" sourceLinked="1"/>
        <c:majorTickMark val="out"/>
        <c:minorTickMark val="none"/>
        <c:tickLblPos val="nextTo"/>
        <c:crossAx val="94345088"/>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externalData r:id="rId1">
    <c:autoUpdate val="0"/>
  </c:externalData>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9.9006771740439911E-2"/>
          <c:w val="0.88239298862259286"/>
          <c:h val="0.38042866635357342"/>
        </c:manualLayout>
      </c:layout>
      <c:barChart>
        <c:barDir val="col"/>
        <c:grouping val="stacked"/>
        <c:varyColors val="0"/>
        <c:ser>
          <c:idx val="0"/>
          <c:order val="0"/>
          <c:tx>
            <c:strRef>
              <c:f>'2020.4月度 '!$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5DD2-4755-BD1A-9C446CAA711A}"/>
                </c:ext>
              </c:extLst>
            </c:dLbl>
            <c:dLbl>
              <c:idx val="3"/>
              <c:delete val="1"/>
              <c:extLst>
                <c:ext xmlns:c15="http://schemas.microsoft.com/office/drawing/2012/chart" uri="{CE6537A1-D6FC-4f65-9D91-7224C49458BB}"/>
                <c:ext xmlns:c16="http://schemas.microsoft.com/office/drawing/2014/chart" uri="{C3380CC4-5D6E-409C-BE32-E72D297353CC}">
                  <c16:uniqueId val="{00000001-5DD2-4755-BD1A-9C446CAA711A}"/>
                </c:ext>
              </c:extLst>
            </c:dLbl>
            <c:dLbl>
              <c:idx val="5"/>
              <c:delete val="1"/>
              <c:extLst>
                <c:ext xmlns:c15="http://schemas.microsoft.com/office/drawing/2012/chart" uri="{CE6537A1-D6FC-4f65-9D91-7224C49458BB}"/>
                <c:ext xmlns:c16="http://schemas.microsoft.com/office/drawing/2014/chart" uri="{C3380CC4-5D6E-409C-BE32-E72D297353CC}">
                  <c16:uniqueId val="{00000002-5DD2-4755-BD1A-9C446CAA711A}"/>
                </c:ext>
              </c:extLst>
            </c:dLbl>
            <c:dLbl>
              <c:idx val="7"/>
              <c:delete val="1"/>
              <c:extLst>
                <c:ext xmlns:c15="http://schemas.microsoft.com/office/drawing/2012/chart" uri="{CE6537A1-D6FC-4f65-9D91-7224C49458BB}"/>
                <c:ext xmlns:c16="http://schemas.microsoft.com/office/drawing/2014/chart" uri="{C3380CC4-5D6E-409C-BE32-E72D297353CC}">
                  <c16:uniqueId val="{00000003-5DD2-4755-BD1A-9C446CAA711A}"/>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5:$L$15</c:f>
              <c:numCache>
                <c:formatCode>General</c:formatCode>
                <c:ptCount val="8"/>
                <c:pt idx="0">
                  <c:v>3293</c:v>
                </c:pt>
                <c:pt idx="1">
                  <c:v>0</c:v>
                </c:pt>
                <c:pt idx="2">
                  <c:v>1826</c:v>
                </c:pt>
                <c:pt idx="3">
                  <c:v>0</c:v>
                </c:pt>
                <c:pt idx="4">
                  <c:v>903</c:v>
                </c:pt>
                <c:pt idx="5">
                  <c:v>0</c:v>
                </c:pt>
                <c:pt idx="6">
                  <c:v>8171</c:v>
                </c:pt>
                <c:pt idx="7">
                  <c:v>0</c:v>
                </c:pt>
              </c:numCache>
            </c:numRef>
          </c:val>
          <c:extLst>
            <c:ext xmlns:c16="http://schemas.microsoft.com/office/drawing/2014/chart" uri="{C3380CC4-5D6E-409C-BE32-E72D297353CC}">
              <c16:uniqueId val="{00000004-5DD2-4755-BD1A-9C446CAA711A}"/>
            </c:ext>
          </c:extLst>
        </c:ser>
        <c:ser>
          <c:idx val="1"/>
          <c:order val="1"/>
          <c:tx>
            <c:strRef>
              <c:f>'2020.4月度 '!$B$16</c:f>
              <c:strCache>
                <c:ptCount val="1"/>
                <c:pt idx="0">
                  <c:v>男性</c:v>
                </c:pt>
              </c:strCache>
            </c:strRef>
          </c:tx>
          <c:spPr>
            <a:pattFill prst="pct20">
              <a:fgClr>
                <a:srgbClr val="00206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6:$L$16</c:f>
              <c:numCache>
                <c:formatCode>General</c:formatCode>
                <c:ptCount val="8"/>
                <c:pt idx="1">
                  <c:v>365</c:v>
                </c:pt>
                <c:pt idx="3">
                  <c:v>475</c:v>
                </c:pt>
                <c:pt idx="5">
                  <c:v>123</c:v>
                </c:pt>
                <c:pt idx="7">
                  <c:v>368</c:v>
                </c:pt>
              </c:numCache>
            </c:numRef>
          </c:val>
          <c:extLst>
            <c:ext xmlns:c16="http://schemas.microsoft.com/office/drawing/2014/chart" uri="{C3380CC4-5D6E-409C-BE32-E72D297353CC}">
              <c16:uniqueId val="{00000005-5DD2-4755-BD1A-9C446CAA711A}"/>
            </c:ext>
          </c:extLst>
        </c:ser>
        <c:ser>
          <c:idx val="2"/>
          <c:order val="2"/>
          <c:tx>
            <c:strRef>
              <c:f>'2020.4月度 '!$B$17</c:f>
              <c:strCache>
                <c:ptCount val="1"/>
                <c:pt idx="0">
                  <c:v>女性</c:v>
                </c:pt>
              </c:strCache>
            </c:strRef>
          </c:tx>
          <c:spPr>
            <a:pattFill prst="ltUpDiag">
              <a:fgClr>
                <a:srgbClr val="C00000"/>
              </a:fgClr>
              <a:bgClr>
                <a:schemeClr val="bg1"/>
              </a:bgClr>
            </a:pattFill>
            <a:ln>
              <a:solidFill>
                <a:schemeClr val="tx1"/>
              </a:solidFill>
            </a:ln>
          </c:spPr>
          <c:invertIfNegative val="0"/>
          <c:dLbls>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20.4月度 '!$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20.4月度 '!$E$17:$L$17</c:f>
              <c:numCache>
                <c:formatCode>General</c:formatCode>
                <c:ptCount val="8"/>
                <c:pt idx="1">
                  <c:v>971</c:v>
                </c:pt>
                <c:pt idx="3">
                  <c:v>1519</c:v>
                </c:pt>
                <c:pt idx="5">
                  <c:v>311</c:v>
                </c:pt>
                <c:pt idx="7">
                  <c:v>862</c:v>
                </c:pt>
              </c:numCache>
            </c:numRef>
          </c:val>
          <c:extLst>
            <c:ext xmlns:c16="http://schemas.microsoft.com/office/drawing/2014/chart" uri="{C3380CC4-5D6E-409C-BE32-E72D297353CC}">
              <c16:uniqueId val="{00000006-5DD2-4755-BD1A-9C446CAA711A}"/>
            </c:ext>
          </c:extLst>
        </c:ser>
        <c:dLbls>
          <c:showLegendKey val="0"/>
          <c:showVal val="0"/>
          <c:showCatName val="0"/>
          <c:showSerName val="0"/>
          <c:showPercent val="0"/>
          <c:showBubbleSize val="0"/>
        </c:dLbls>
        <c:gapWidth val="66"/>
        <c:overlap val="100"/>
        <c:axId val="94362240"/>
        <c:axId val="94364032"/>
      </c:barChart>
      <c:catAx>
        <c:axId val="94362240"/>
        <c:scaling>
          <c:orientation val="minMax"/>
        </c:scaling>
        <c:delete val="0"/>
        <c:axPos val="b"/>
        <c:numFmt formatCode="General" sourceLinked="1"/>
        <c:majorTickMark val="out"/>
        <c:minorTickMark val="none"/>
        <c:tickLblPos val="nextTo"/>
        <c:txPr>
          <a:bodyPr rot="0" vert="wordArtVertRtl"/>
          <a:lstStyle/>
          <a:p>
            <a:pPr>
              <a:defRPr/>
            </a:pPr>
            <a:endParaRPr lang="ja-JP"/>
          </a:p>
        </c:txPr>
        <c:crossAx val="94364032"/>
        <c:crosses val="autoZero"/>
        <c:auto val="1"/>
        <c:lblAlgn val="ctr"/>
        <c:lblOffset val="100"/>
        <c:noMultiLvlLbl val="0"/>
      </c:catAx>
      <c:valAx>
        <c:axId val="94364032"/>
        <c:scaling>
          <c:orientation val="minMax"/>
          <c:max val="12000"/>
        </c:scaling>
        <c:delete val="0"/>
        <c:axPos val="l"/>
        <c:majorGridlines/>
        <c:title>
          <c:tx>
            <c:rich>
              <a:bodyPr rot="0" vert="horz"/>
              <a:lstStyle/>
              <a:p>
                <a:pPr>
                  <a:defRPr/>
                </a:pPr>
                <a:r>
                  <a:rPr lang="ja-JP" altLang="en-US"/>
                  <a:t>（件）</a:t>
                </a:r>
              </a:p>
            </c:rich>
          </c:tx>
          <c:layout>
            <c:manualLayout>
              <c:xMode val="edge"/>
              <c:yMode val="edge"/>
              <c:x val="1.5119752178928065E-2"/>
              <c:y val="4.1949690118137338E-3"/>
            </c:manualLayout>
          </c:layout>
          <c:overlay val="0"/>
        </c:title>
        <c:numFmt formatCode="General" sourceLinked="1"/>
        <c:majorTickMark val="out"/>
        <c:minorTickMark val="none"/>
        <c:tickLblPos val="nextTo"/>
        <c:crossAx val="94362240"/>
        <c:crosses val="autoZero"/>
        <c:crossBetween val="between"/>
      </c:valAx>
    </c:plotArea>
    <c:plotVisOnly val="1"/>
    <c:dispBlanksAs val="gap"/>
    <c:showDLblsOverMax val="0"/>
  </c:chart>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6.1297372789493092E-2"/>
          <c:y val="0.12931078059686985"/>
          <c:w val="0.87241012291406761"/>
          <c:h val="0.74305161854768154"/>
        </c:manualLayout>
      </c:layout>
      <c:barChart>
        <c:barDir val="col"/>
        <c:grouping val="clustered"/>
        <c:varyColors val="0"/>
        <c:ser>
          <c:idx val="0"/>
          <c:order val="0"/>
          <c:tx>
            <c:strRef>
              <c:f>就業状況!$B$4</c:f>
              <c:strCache>
                <c:ptCount val="1"/>
                <c:pt idx="0">
                  <c:v>労働力人口（実数）[左目盛]</c:v>
                </c:pt>
              </c:strCache>
            </c:strRef>
          </c:tx>
          <c:invertIfNegative val="0"/>
          <c:dLbls>
            <c:dLbl>
              <c:idx val="0"/>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28A-4406-AD84-F40DD620AC3E}"/>
                </c:ext>
              </c:extLst>
            </c:dLbl>
            <c:dLbl>
              <c:idx val="1"/>
              <c:layout>
                <c:manualLayout>
                  <c:x val="0"/>
                  <c:y val="2.46913580246914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28A-4406-AD84-F40DD620AC3E}"/>
                </c:ext>
              </c:extLst>
            </c:dLbl>
            <c:dLbl>
              <c:idx val="2"/>
              <c:layout>
                <c:manualLayout>
                  <c:x val="1.9782390588192777E-3"/>
                  <c:y val="3.45679012345678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28A-4406-AD84-F40DD620AC3E}"/>
                </c:ext>
              </c:extLst>
            </c:dLbl>
            <c:dLbl>
              <c:idx val="3"/>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28A-4406-AD84-F40DD620AC3E}"/>
                </c:ext>
              </c:extLst>
            </c:dLbl>
            <c:dLbl>
              <c:idx val="4"/>
              <c:layout>
                <c:manualLayout>
                  <c:x val="0"/>
                  <c:y val="2.96296296296295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28A-4406-AD84-F40DD620AC3E}"/>
                </c:ext>
              </c:extLst>
            </c:dLbl>
            <c:dLbl>
              <c:idx val="5"/>
              <c:layout>
                <c:manualLayout>
                  <c:x val="-7.2534594230884681E-17"/>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28A-4406-AD84-F40DD620AC3E}"/>
                </c:ext>
              </c:extLst>
            </c:dLbl>
            <c:dLbl>
              <c:idx val="6"/>
              <c:layout>
                <c:manualLayout>
                  <c:x val="0"/>
                  <c:y val="2.46913580246913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28A-4406-AD84-F40DD620AC3E}"/>
                </c:ext>
              </c:extLst>
            </c:dLbl>
            <c:dLbl>
              <c:idx val="7"/>
              <c:layout>
                <c:manualLayout>
                  <c:x val="0"/>
                  <c:y val="1.4814814814814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28A-4406-AD84-F40DD620AC3E}"/>
                </c:ext>
              </c:extLst>
            </c:dLbl>
            <c:dLbl>
              <c:idx val="8"/>
              <c:layout>
                <c:manualLayout>
                  <c:x val="2.3738868705831334E-2"/>
                  <c:y val="3.45679012345679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128A-4406-AD84-F40DD620AC3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4:$L$4</c:f>
              <c:numCache>
                <c:formatCode>General</c:formatCode>
                <c:ptCount val="10"/>
                <c:pt idx="0">
                  <c:v>347</c:v>
                </c:pt>
                <c:pt idx="1">
                  <c:v>360</c:v>
                </c:pt>
                <c:pt idx="2">
                  <c:v>372</c:v>
                </c:pt>
                <c:pt idx="3">
                  <c:v>397</c:v>
                </c:pt>
                <c:pt idx="4">
                  <c:v>417</c:v>
                </c:pt>
                <c:pt idx="5">
                  <c:v>450</c:v>
                </c:pt>
                <c:pt idx="6">
                  <c:v>459</c:v>
                </c:pt>
                <c:pt idx="7">
                  <c:v>447</c:v>
                </c:pt>
                <c:pt idx="8">
                  <c:v>502</c:v>
                </c:pt>
                <c:pt idx="9">
                  <c:v>549</c:v>
                </c:pt>
              </c:numCache>
            </c:numRef>
          </c:val>
          <c:extLst>
            <c:ext xmlns:c16="http://schemas.microsoft.com/office/drawing/2014/chart" uri="{C3380CC4-5D6E-409C-BE32-E72D297353CC}">
              <c16:uniqueId val="{00000009-128A-4406-AD84-F40DD620AC3E}"/>
            </c:ext>
          </c:extLst>
        </c:ser>
        <c:dLbls>
          <c:showLegendKey val="0"/>
          <c:showVal val="0"/>
          <c:showCatName val="0"/>
          <c:showSerName val="0"/>
          <c:showPercent val="0"/>
          <c:showBubbleSize val="0"/>
        </c:dLbls>
        <c:gapWidth val="150"/>
        <c:axId val="178665344"/>
        <c:axId val="178666880"/>
      </c:barChart>
      <c:lineChart>
        <c:grouping val="standard"/>
        <c:varyColors val="0"/>
        <c:ser>
          <c:idx val="1"/>
          <c:order val="1"/>
          <c:tx>
            <c:strRef>
              <c:f>就業状況!$B$5</c:f>
              <c:strCache>
                <c:ptCount val="1"/>
                <c:pt idx="0">
                  <c:v>労働力人口比率[右目盛]</c:v>
                </c:pt>
              </c:strCache>
            </c:strRef>
          </c:tx>
          <c:spPr>
            <a:ln w="28575">
              <a:prstDash val="sysDash"/>
            </a:ln>
          </c:spPr>
          <c:marker>
            <c:symbol val="circle"/>
            <c:size val="5"/>
          </c:marker>
          <c:dLbls>
            <c:dLbl>
              <c:idx val="0"/>
              <c:layout>
                <c:manualLayout>
                  <c:x val="-3.5352845416505775E-2"/>
                  <c:y val="-5.432098765432107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28A-4406-AD84-F40DD620AC3E}"/>
                </c:ext>
              </c:extLst>
            </c:dLbl>
            <c:dLbl>
              <c:idx val="1"/>
              <c:layout>
                <c:manualLayout>
                  <c:x val="-2.9797264765179167E-2"/>
                  <c:y val="-4.44444444444445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28A-4406-AD84-F40DD620AC3E}"/>
                </c:ext>
              </c:extLst>
            </c:dLbl>
            <c:dLbl>
              <c:idx val="2"/>
              <c:layout>
                <c:manualLayout>
                  <c:x val="-3.535284541650581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28A-4406-AD84-F40DD620AC3E}"/>
                </c:ext>
              </c:extLst>
            </c:dLbl>
            <c:dLbl>
              <c:idx val="3"/>
              <c:layout>
                <c:manualLayout>
                  <c:x val="-3.4174157624530535E-2"/>
                  <c:y val="-5.43209876543209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28A-4406-AD84-F40DD620AC3E}"/>
                </c:ext>
              </c:extLst>
            </c:dLbl>
            <c:dLbl>
              <c:idx val="4"/>
              <c:layout>
                <c:manualLayout>
                  <c:x val="-3.3374606357686569E-2"/>
                  <c:y val="-5.43209876543209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28A-4406-AD84-F40DD620AC3E}"/>
                </c:ext>
              </c:extLst>
            </c:dLbl>
            <c:dLbl>
              <c:idx val="5"/>
              <c:layout>
                <c:manualLayout>
                  <c:x val="-3.5352845416505845E-2"/>
                  <c:y val="-4.444444444444444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28A-4406-AD84-F40DD620AC3E}"/>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28A-4406-AD84-F40DD620AC3E}"/>
                </c:ext>
              </c:extLst>
            </c:dLbl>
            <c:dLbl>
              <c:idx val="7"/>
              <c:layout>
                <c:manualLayout>
                  <c:x val="-3.6572655658207644E-2"/>
                  <c:y val="-6.913580246913585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128A-4406-AD84-F40DD620AC3E}"/>
                </c:ext>
              </c:extLst>
            </c:dLbl>
            <c:dLbl>
              <c:idx val="8"/>
              <c:layout>
                <c:manualLayout>
                  <c:x val="-4.1666666666666768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128A-4406-AD84-F40DD620AC3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5:$L$5</c:f>
              <c:numCache>
                <c:formatCode>General</c:formatCode>
                <c:ptCount val="10"/>
                <c:pt idx="0">
                  <c:v>17.600000000000001</c:v>
                </c:pt>
                <c:pt idx="1">
                  <c:v>18</c:v>
                </c:pt>
                <c:pt idx="2">
                  <c:v>17.899999999999999</c:v>
                </c:pt>
                <c:pt idx="3">
                  <c:v>18.3</c:v>
                </c:pt>
                <c:pt idx="4">
                  <c:v>18.5</c:v>
                </c:pt>
                <c:pt idx="5">
                  <c:v>19.399999999999999</c:v>
                </c:pt>
                <c:pt idx="6">
                  <c:v>19.399999999999999</c:v>
                </c:pt>
                <c:pt idx="7">
                  <c:v>18.7</c:v>
                </c:pt>
                <c:pt idx="8">
                  <c:v>20.8</c:v>
                </c:pt>
                <c:pt idx="9">
                  <c:v>22.6</c:v>
                </c:pt>
              </c:numCache>
            </c:numRef>
          </c:val>
          <c:smooth val="0"/>
          <c:extLst>
            <c:ext xmlns:c16="http://schemas.microsoft.com/office/drawing/2014/chart" uri="{C3380CC4-5D6E-409C-BE32-E72D297353CC}">
              <c16:uniqueId val="{00000013-128A-4406-AD84-F40DD620AC3E}"/>
            </c:ext>
          </c:extLst>
        </c:ser>
        <c:ser>
          <c:idx val="2"/>
          <c:order val="2"/>
          <c:tx>
            <c:strRef>
              <c:f>就業状況!$B$6</c:f>
              <c:strCache>
                <c:ptCount val="1"/>
                <c:pt idx="0">
                  <c:v>就業率[右目盛]</c:v>
                </c:pt>
              </c:strCache>
            </c:strRef>
          </c:tx>
          <c:spPr>
            <a:ln w="28575"/>
          </c:spPr>
          <c:marker>
            <c:symbol val="square"/>
            <c:size val="5"/>
          </c:marker>
          <c:dLbls>
            <c:dLbl>
              <c:idx val="0"/>
              <c:layout>
                <c:manualLayout>
                  <c:x val="-2.7019474439515807E-2"/>
                  <c:y val="4.93827160493826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128A-4406-AD84-F40DD620AC3E}"/>
                </c:ext>
              </c:extLst>
            </c:dLbl>
            <c:dLbl>
              <c:idx val="1"/>
              <c:layout>
                <c:manualLayout>
                  <c:x val="-3.5731981941636966E-2"/>
                  <c:y val="5.92592592592591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128A-4406-AD84-F40DD620AC3E}"/>
                </c:ext>
              </c:extLst>
            </c:dLbl>
            <c:dLbl>
              <c:idx val="2"/>
              <c:layout>
                <c:manualLayout>
                  <c:x val="-3.7710221000456241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128A-4406-AD84-F40DD620AC3E}"/>
                </c:ext>
              </c:extLst>
            </c:dLbl>
            <c:dLbl>
              <c:idx val="3"/>
              <c:layout>
                <c:manualLayout>
                  <c:x val="-3.6531533208481008E-2"/>
                  <c:y val="5.43209876543208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128A-4406-AD84-F40DD620AC3E}"/>
                </c:ext>
              </c:extLst>
            </c:dLbl>
            <c:dLbl>
              <c:idx val="4"/>
              <c:layout>
                <c:manualLayout>
                  <c:x val="-2.9376850023466277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128A-4406-AD84-F40DD620AC3E}"/>
                </c:ext>
              </c:extLst>
            </c:dLbl>
            <c:dLbl>
              <c:idx val="5"/>
              <c:layout>
                <c:manualLayout>
                  <c:x val="-3.5731981941636889E-2"/>
                  <c:y val="5.9259259259259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128A-4406-AD84-F40DD620AC3E}"/>
                </c:ext>
              </c:extLst>
            </c:dLbl>
            <c:dLbl>
              <c:idx val="6"/>
              <c:layout>
                <c:manualLayout>
                  <c:x val="-3.5352845416505775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128A-4406-AD84-F40DD620AC3E}"/>
                </c:ext>
              </c:extLst>
            </c:dLbl>
            <c:dLbl>
              <c:idx val="7"/>
              <c:layout>
                <c:manualLayout>
                  <c:x val="-3.8509772267300284E-2"/>
                  <c:y val="4.938271604938271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128A-4406-AD84-F40DD620AC3E}"/>
                </c:ext>
              </c:extLst>
            </c:dLbl>
            <c:dLbl>
              <c:idx val="8"/>
              <c:layout>
                <c:manualLayout>
                  <c:x val="-3.5731981941637111E-2"/>
                  <c:y val="8.39506172839505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128A-4406-AD84-F40DD620AC3E}"/>
                </c:ext>
              </c:extLst>
            </c:dLbl>
            <c:dLbl>
              <c:idx val="9"/>
              <c:layout>
                <c:manualLayout>
                  <c:x val="-4.4839650584963253E-3"/>
                  <c:y val="2.052800144088558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3E4-413D-85E0-ABA8EE006B0C}"/>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L$3</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就業状況!$C$6:$L$6</c:f>
              <c:numCache>
                <c:formatCode>General</c:formatCode>
                <c:ptCount val="10"/>
                <c:pt idx="0">
                  <c:v>17</c:v>
                </c:pt>
                <c:pt idx="1">
                  <c:v>17.600000000000001</c:v>
                </c:pt>
                <c:pt idx="2">
                  <c:v>17.5</c:v>
                </c:pt>
                <c:pt idx="3">
                  <c:v>17.8</c:v>
                </c:pt>
                <c:pt idx="4">
                  <c:v>18</c:v>
                </c:pt>
                <c:pt idx="5">
                  <c:v>18.899999999999999</c:v>
                </c:pt>
                <c:pt idx="6">
                  <c:v>18.899999999999999</c:v>
                </c:pt>
                <c:pt idx="7">
                  <c:v>18.3</c:v>
                </c:pt>
                <c:pt idx="8">
                  <c:v>20.399999999999999</c:v>
                </c:pt>
                <c:pt idx="9">
                  <c:v>22.2</c:v>
                </c:pt>
              </c:numCache>
            </c:numRef>
          </c:val>
          <c:smooth val="0"/>
          <c:extLst>
            <c:ext xmlns:c16="http://schemas.microsoft.com/office/drawing/2014/chart" uri="{C3380CC4-5D6E-409C-BE32-E72D297353CC}">
              <c16:uniqueId val="{0000001D-128A-4406-AD84-F40DD620AC3E}"/>
            </c:ext>
          </c:extLst>
        </c:ser>
        <c:dLbls>
          <c:showLegendKey val="0"/>
          <c:showVal val="0"/>
          <c:showCatName val="0"/>
          <c:showSerName val="0"/>
          <c:showPercent val="0"/>
          <c:showBubbleSize val="0"/>
        </c:dLbls>
        <c:marker val="1"/>
        <c:smooth val="0"/>
        <c:axId val="101296768"/>
        <c:axId val="101294464"/>
      </c:lineChart>
      <c:catAx>
        <c:axId val="178665344"/>
        <c:scaling>
          <c:orientation val="minMax"/>
        </c:scaling>
        <c:delete val="0"/>
        <c:axPos val="b"/>
        <c:numFmt formatCode="General" sourceLinked="0"/>
        <c:majorTickMark val="out"/>
        <c:minorTickMark val="none"/>
        <c:tickLblPos val="nextTo"/>
        <c:crossAx val="178666880"/>
        <c:crosses val="autoZero"/>
        <c:auto val="1"/>
        <c:lblAlgn val="ctr"/>
        <c:lblOffset val="100"/>
        <c:noMultiLvlLbl val="0"/>
      </c:catAx>
      <c:valAx>
        <c:axId val="178666880"/>
        <c:scaling>
          <c:orientation val="minMax"/>
          <c:max val="650"/>
        </c:scaling>
        <c:delete val="0"/>
        <c:axPos val="l"/>
        <c:majorGridlines/>
        <c:title>
          <c:tx>
            <c:rich>
              <a:bodyPr rot="0" vert="horz"/>
              <a:lstStyle/>
              <a:p>
                <a:pPr>
                  <a:defRPr b="0"/>
                </a:pPr>
                <a:r>
                  <a:rPr lang="ja-JP" altLang="en-US" b="0"/>
                  <a:t>（千人）</a:t>
                </a:r>
              </a:p>
            </c:rich>
          </c:tx>
          <c:layout>
            <c:manualLayout>
              <c:xMode val="edge"/>
              <c:yMode val="edge"/>
              <c:x val="0"/>
              <c:y val="1.688577816661806E-2"/>
            </c:manualLayout>
          </c:layout>
          <c:overlay val="0"/>
        </c:title>
        <c:numFmt formatCode="General" sourceLinked="1"/>
        <c:majorTickMark val="out"/>
        <c:minorTickMark val="none"/>
        <c:tickLblPos val="nextTo"/>
        <c:crossAx val="178665344"/>
        <c:crosses val="autoZero"/>
        <c:crossBetween val="between"/>
        <c:majorUnit val="50"/>
      </c:valAx>
      <c:valAx>
        <c:axId val="101294464"/>
        <c:scaling>
          <c:orientation val="minMax"/>
          <c:max val="25"/>
          <c:min val="16"/>
        </c:scaling>
        <c:delete val="0"/>
        <c:axPos val="r"/>
        <c:title>
          <c:tx>
            <c:rich>
              <a:bodyPr rot="0" vert="horz"/>
              <a:lstStyle/>
              <a:p>
                <a:pPr>
                  <a:defRPr b="0"/>
                </a:pPr>
                <a:r>
                  <a:rPr lang="ja-JP" altLang="en-US" b="0"/>
                  <a:t>（％）</a:t>
                </a:r>
              </a:p>
            </c:rich>
          </c:tx>
          <c:layout>
            <c:manualLayout>
              <c:xMode val="edge"/>
              <c:yMode val="edge"/>
              <c:x val="0.93729963514729553"/>
              <c:y val="2.1824049771556334E-2"/>
            </c:manualLayout>
          </c:layout>
          <c:overlay val="0"/>
        </c:title>
        <c:numFmt formatCode="General" sourceLinked="1"/>
        <c:majorTickMark val="out"/>
        <c:minorTickMark val="none"/>
        <c:tickLblPos val="nextTo"/>
        <c:crossAx val="101296768"/>
        <c:crosses val="max"/>
        <c:crossBetween val="between"/>
        <c:majorUnit val="1"/>
      </c:valAx>
      <c:catAx>
        <c:axId val="101296768"/>
        <c:scaling>
          <c:orientation val="minMax"/>
        </c:scaling>
        <c:delete val="1"/>
        <c:axPos val="b"/>
        <c:numFmt formatCode="General" sourceLinked="1"/>
        <c:majorTickMark val="out"/>
        <c:minorTickMark val="none"/>
        <c:tickLblPos val="nextTo"/>
        <c:crossAx val="101294464"/>
        <c:crosses val="autoZero"/>
        <c:auto val="1"/>
        <c:lblAlgn val="ctr"/>
        <c:lblOffset val="100"/>
        <c:noMultiLvlLbl val="0"/>
      </c:catAx>
    </c:plotArea>
    <c:legend>
      <c:legendPos val="t"/>
      <c:layout>
        <c:manualLayout>
          <c:xMode val="edge"/>
          <c:yMode val="edge"/>
          <c:x val="5.000007009508476E-2"/>
          <c:y val="1.9753086419753086E-2"/>
          <c:w val="0.89999985980983044"/>
          <c:h val="8.9298337707786529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4.203702639359861E-2"/>
          <c:y val="0.10271033829104693"/>
          <c:w val="0.94012031342797475"/>
          <c:h val="0.43768372703412073"/>
        </c:manualLayout>
      </c:layout>
      <c:barChart>
        <c:barDir val="col"/>
        <c:grouping val="clustered"/>
        <c:varyColors val="0"/>
        <c:ser>
          <c:idx val="0"/>
          <c:order val="0"/>
          <c:tx>
            <c:strRef>
              <c:f>就業状況!$E$16</c:f>
              <c:strCache>
                <c:ptCount val="1"/>
                <c:pt idx="0">
                  <c:v>2017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E$17:$E$29</c:f>
              <c:numCache>
                <c:formatCode>General</c:formatCode>
                <c:ptCount val="13"/>
                <c:pt idx="0">
                  <c:v>30</c:v>
                </c:pt>
                <c:pt idx="1">
                  <c:v>70</c:v>
                </c:pt>
                <c:pt idx="2">
                  <c:v>21</c:v>
                </c:pt>
                <c:pt idx="3">
                  <c:v>74</c:v>
                </c:pt>
                <c:pt idx="4">
                  <c:v>3</c:v>
                </c:pt>
                <c:pt idx="5">
                  <c:v>27</c:v>
                </c:pt>
                <c:pt idx="6">
                  <c:v>16</c:v>
                </c:pt>
                <c:pt idx="7">
                  <c:v>33</c:v>
                </c:pt>
                <c:pt idx="8">
                  <c:v>21</c:v>
                </c:pt>
                <c:pt idx="9">
                  <c:v>16</c:v>
                </c:pt>
                <c:pt idx="10">
                  <c:v>48</c:v>
                </c:pt>
                <c:pt idx="11">
                  <c:v>58</c:v>
                </c:pt>
                <c:pt idx="12">
                  <c:v>6</c:v>
                </c:pt>
              </c:numCache>
            </c:numRef>
          </c:val>
          <c:extLst>
            <c:ext xmlns:c16="http://schemas.microsoft.com/office/drawing/2014/chart" uri="{C3380CC4-5D6E-409C-BE32-E72D297353CC}">
              <c16:uniqueId val="{00000000-71C8-4F8F-BF2B-5B81E2E60D9A}"/>
            </c:ext>
          </c:extLst>
        </c:ser>
        <c:ser>
          <c:idx val="1"/>
          <c:order val="1"/>
          <c:tx>
            <c:strRef>
              <c:f>就業状況!$F$16</c:f>
              <c:strCache>
                <c:ptCount val="1"/>
                <c:pt idx="0">
                  <c:v>2018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1-71C8-4F8F-BF2B-5B81E2E60D9A}"/>
            </c:ext>
          </c:extLst>
        </c:ser>
        <c:ser>
          <c:idx val="2"/>
          <c:order val="2"/>
          <c:tx>
            <c:strRef>
              <c:f>就業状況!$G$16</c:f>
              <c:strCache>
                <c:ptCount val="1"/>
                <c:pt idx="0">
                  <c:v>2019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G$17:$G$29</c:f>
              <c:numCache>
                <c:formatCode>General</c:formatCode>
                <c:ptCount val="13"/>
                <c:pt idx="0">
                  <c:v>44</c:v>
                </c:pt>
                <c:pt idx="1">
                  <c:v>67</c:v>
                </c:pt>
                <c:pt idx="2">
                  <c:v>31</c:v>
                </c:pt>
                <c:pt idx="3">
                  <c:v>84</c:v>
                </c:pt>
                <c:pt idx="4">
                  <c:v>4</c:v>
                </c:pt>
                <c:pt idx="5">
                  <c:v>30</c:v>
                </c:pt>
                <c:pt idx="6">
                  <c:v>22</c:v>
                </c:pt>
                <c:pt idx="7">
                  <c:v>38</c:v>
                </c:pt>
                <c:pt idx="8">
                  <c:v>22</c:v>
                </c:pt>
                <c:pt idx="9">
                  <c:v>20</c:v>
                </c:pt>
                <c:pt idx="10">
                  <c:v>63</c:v>
                </c:pt>
                <c:pt idx="11">
                  <c:v>75</c:v>
                </c:pt>
                <c:pt idx="12">
                  <c:v>18</c:v>
                </c:pt>
              </c:numCache>
            </c:numRef>
          </c:val>
          <c:extLst>
            <c:ext xmlns:c16="http://schemas.microsoft.com/office/drawing/2014/chart" uri="{C3380CC4-5D6E-409C-BE32-E72D297353CC}">
              <c16:uniqueId val="{00000002-71C8-4F8F-BF2B-5B81E2E60D9A}"/>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8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a:t>（千人）</a:t>
                </a:r>
              </a:p>
            </c:rich>
          </c:tx>
          <c:layout>
            <c:manualLayout>
              <c:xMode val="edge"/>
              <c:yMode val="edge"/>
              <c:x val="0"/>
              <c:y val="2.0931166668231176E-2"/>
            </c:manualLayout>
          </c:layout>
          <c:overlay val="0"/>
        </c:title>
        <c:numFmt formatCode="General" sourceLinked="1"/>
        <c:majorTickMark val="out"/>
        <c:minorTickMark val="none"/>
        <c:tickLblPos val="nextTo"/>
        <c:crossAx val="100847616"/>
        <c:crosses val="autoZero"/>
        <c:crossBetween val="between"/>
      </c:valAx>
    </c:plotArea>
    <c:legend>
      <c:legendPos val="t"/>
      <c:layout>
        <c:manualLayout>
          <c:xMode val="edge"/>
          <c:yMode val="edge"/>
          <c:x val="0.38438594810685162"/>
          <c:y val="1.3888888888888888E-2"/>
          <c:w val="0.24096046388362041"/>
          <c:h val="5.6730694647350401E-2"/>
        </c:manualLayout>
      </c:layout>
      <c:overlay val="0"/>
      <c:txPr>
        <a:bodyPr/>
        <a:lstStyle/>
        <a:p>
          <a:pPr>
            <a:defRPr sz="1200"/>
          </a:pPr>
          <a:endParaRPr lang="ja-JP"/>
        </a:p>
      </c:txPr>
    </c:legend>
    <c:plotVisOnly val="1"/>
    <c:dispBlanksAs val="gap"/>
    <c:showDLblsOverMax val="0"/>
  </c:chart>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C$2</c:f>
              <c:strCache>
                <c:ptCount val="1"/>
                <c:pt idx="0">
                  <c:v>景気動向指数（大阪府）</c:v>
                </c:pt>
              </c:strCache>
            </c:strRef>
          </c:tx>
          <c:spPr>
            <a:ln w="28575" cap="rnd">
              <a:solidFill>
                <a:srgbClr val="0070C0"/>
              </a:solidFill>
              <a:round/>
            </a:ln>
            <a:effectLst/>
          </c:spPr>
          <c:marker>
            <c:symbol val="none"/>
          </c:marker>
          <c:cat>
            <c:numRef>
              <c:f>まとめ!$B$3:$B$131</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まとめ!$C$3:$C$131</c:f>
              <c:numCache>
                <c:formatCode>0.0</c:formatCode>
                <c:ptCount val="129"/>
                <c:pt idx="0">
                  <c:v>75.400000000000006</c:v>
                </c:pt>
                <c:pt idx="1">
                  <c:v>76.3</c:v>
                </c:pt>
                <c:pt idx="2">
                  <c:v>76.900000000000006</c:v>
                </c:pt>
                <c:pt idx="3">
                  <c:v>77.3</c:v>
                </c:pt>
                <c:pt idx="4">
                  <c:v>79.099999999999994</c:v>
                </c:pt>
                <c:pt idx="5">
                  <c:v>78.900000000000006</c:v>
                </c:pt>
                <c:pt idx="6">
                  <c:v>79.900000000000006</c:v>
                </c:pt>
                <c:pt idx="7">
                  <c:v>80.8</c:v>
                </c:pt>
                <c:pt idx="8">
                  <c:v>79.8</c:v>
                </c:pt>
                <c:pt idx="9">
                  <c:v>80.099999999999994</c:v>
                </c:pt>
                <c:pt idx="10">
                  <c:v>82</c:v>
                </c:pt>
                <c:pt idx="11">
                  <c:v>81.8</c:v>
                </c:pt>
                <c:pt idx="12">
                  <c:v>83.6</c:v>
                </c:pt>
                <c:pt idx="13">
                  <c:v>85.3</c:v>
                </c:pt>
                <c:pt idx="14">
                  <c:v>85.8</c:v>
                </c:pt>
                <c:pt idx="15">
                  <c:v>86</c:v>
                </c:pt>
                <c:pt idx="16">
                  <c:v>84.1</c:v>
                </c:pt>
                <c:pt idx="17">
                  <c:v>86.3</c:v>
                </c:pt>
                <c:pt idx="18">
                  <c:v>87.4</c:v>
                </c:pt>
                <c:pt idx="19">
                  <c:v>88.2</c:v>
                </c:pt>
                <c:pt idx="20">
                  <c:v>86</c:v>
                </c:pt>
                <c:pt idx="21">
                  <c:v>88.2</c:v>
                </c:pt>
                <c:pt idx="22">
                  <c:v>87.9</c:v>
                </c:pt>
                <c:pt idx="23">
                  <c:v>88.9</c:v>
                </c:pt>
                <c:pt idx="24">
                  <c:v>87.7</c:v>
                </c:pt>
                <c:pt idx="25">
                  <c:v>87.3</c:v>
                </c:pt>
                <c:pt idx="26">
                  <c:v>88.3</c:v>
                </c:pt>
                <c:pt idx="27">
                  <c:v>88.3</c:v>
                </c:pt>
                <c:pt idx="28">
                  <c:v>88.7</c:v>
                </c:pt>
                <c:pt idx="29">
                  <c:v>88.5</c:v>
                </c:pt>
                <c:pt idx="30">
                  <c:v>87.1</c:v>
                </c:pt>
                <c:pt idx="31">
                  <c:v>87.9</c:v>
                </c:pt>
                <c:pt idx="32">
                  <c:v>89.3</c:v>
                </c:pt>
                <c:pt idx="33">
                  <c:v>90.8</c:v>
                </c:pt>
                <c:pt idx="34">
                  <c:v>90.8</c:v>
                </c:pt>
                <c:pt idx="35">
                  <c:v>90.5</c:v>
                </c:pt>
                <c:pt idx="36">
                  <c:v>90.6</c:v>
                </c:pt>
                <c:pt idx="37">
                  <c:v>92.7</c:v>
                </c:pt>
                <c:pt idx="38">
                  <c:v>93.7</c:v>
                </c:pt>
                <c:pt idx="39">
                  <c:v>95.7</c:v>
                </c:pt>
                <c:pt idx="40">
                  <c:v>96</c:v>
                </c:pt>
                <c:pt idx="41">
                  <c:v>96</c:v>
                </c:pt>
                <c:pt idx="42">
                  <c:v>97.7</c:v>
                </c:pt>
                <c:pt idx="43">
                  <c:v>97.7</c:v>
                </c:pt>
                <c:pt idx="44">
                  <c:v>97.7</c:v>
                </c:pt>
                <c:pt idx="45">
                  <c:v>98.7</c:v>
                </c:pt>
                <c:pt idx="46">
                  <c:v>99.2</c:v>
                </c:pt>
                <c:pt idx="47">
                  <c:v>100.6</c:v>
                </c:pt>
                <c:pt idx="48">
                  <c:v>104.1</c:v>
                </c:pt>
                <c:pt idx="49">
                  <c:v>102.2</c:v>
                </c:pt>
                <c:pt idx="50">
                  <c:v>104.2</c:v>
                </c:pt>
                <c:pt idx="51">
                  <c:v>101.5</c:v>
                </c:pt>
                <c:pt idx="52">
                  <c:v>103.3</c:v>
                </c:pt>
                <c:pt idx="53">
                  <c:v>102.7</c:v>
                </c:pt>
                <c:pt idx="54">
                  <c:v>101.7</c:v>
                </c:pt>
                <c:pt idx="55">
                  <c:v>100.9</c:v>
                </c:pt>
                <c:pt idx="56">
                  <c:v>104.4</c:v>
                </c:pt>
                <c:pt idx="57">
                  <c:v>102.5</c:v>
                </c:pt>
                <c:pt idx="58">
                  <c:v>102.2</c:v>
                </c:pt>
                <c:pt idx="59">
                  <c:v>100.9</c:v>
                </c:pt>
                <c:pt idx="60">
                  <c:v>103.1</c:v>
                </c:pt>
                <c:pt idx="61">
                  <c:v>103.4</c:v>
                </c:pt>
                <c:pt idx="62">
                  <c:v>98.8</c:v>
                </c:pt>
                <c:pt idx="63">
                  <c:v>99.9</c:v>
                </c:pt>
                <c:pt idx="64">
                  <c:v>99.6</c:v>
                </c:pt>
                <c:pt idx="65">
                  <c:v>99.2</c:v>
                </c:pt>
                <c:pt idx="66">
                  <c:v>100.9</c:v>
                </c:pt>
                <c:pt idx="67">
                  <c:v>99.8</c:v>
                </c:pt>
                <c:pt idx="68">
                  <c:v>99.5</c:v>
                </c:pt>
                <c:pt idx="69">
                  <c:v>100.2</c:v>
                </c:pt>
                <c:pt idx="70">
                  <c:v>99</c:v>
                </c:pt>
                <c:pt idx="71">
                  <c:v>96.6</c:v>
                </c:pt>
                <c:pt idx="72">
                  <c:v>98.2</c:v>
                </c:pt>
                <c:pt idx="73">
                  <c:v>99.1</c:v>
                </c:pt>
                <c:pt idx="74">
                  <c:v>98.5</c:v>
                </c:pt>
                <c:pt idx="75">
                  <c:v>100</c:v>
                </c:pt>
                <c:pt idx="76">
                  <c:v>97.9</c:v>
                </c:pt>
                <c:pt idx="77">
                  <c:v>97.9</c:v>
                </c:pt>
                <c:pt idx="78">
                  <c:v>98.4</c:v>
                </c:pt>
                <c:pt idx="79">
                  <c:v>98.8</c:v>
                </c:pt>
                <c:pt idx="80">
                  <c:v>98.3</c:v>
                </c:pt>
                <c:pt idx="81">
                  <c:v>98.2</c:v>
                </c:pt>
                <c:pt idx="82">
                  <c:v>100.2</c:v>
                </c:pt>
                <c:pt idx="83">
                  <c:v>101.4</c:v>
                </c:pt>
                <c:pt idx="84">
                  <c:v>101.1</c:v>
                </c:pt>
                <c:pt idx="85">
                  <c:v>100.8</c:v>
                </c:pt>
                <c:pt idx="86">
                  <c:v>101.6</c:v>
                </c:pt>
                <c:pt idx="87">
                  <c:v>103.2</c:v>
                </c:pt>
                <c:pt idx="88">
                  <c:v>102.3</c:v>
                </c:pt>
                <c:pt idx="89">
                  <c:v>104.5</c:v>
                </c:pt>
                <c:pt idx="90">
                  <c:v>104.1</c:v>
                </c:pt>
                <c:pt idx="91">
                  <c:v>103.5</c:v>
                </c:pt>
                <c:pt idx="92">
                  <c:v>104.4</c:v>
                </c:pt>
                <c:pt idx="93">
                  <c:v>103.6</c:v>
                </c:pt>
                <c:pt idx="94">
                  <c:v>103.7</c:v>
                </c:pt>
                <c:pt idx="95">
                  <c:v>105.7</c:v>
                </c:pt>
                <c:pt idx="96">
                  <c:v>102.2</c:v>
                </c:pt>
                <c:pt idx="97">
                  <c:v>105.4</c:v>
                </c:pt>
                <c:pt idx="98">
                  <c:v>104.4</c:v>
                </c:pt>
                <c:pt idx="99">
                  <c:v>104.6</c:v>
                </c:pt>
                <c:pt idx="100">
                  <c:v>104.8</c:v>
                </c:pt>
                <c:pt idx="101">
                  <c:v>103.2</c:v>
                </c:pt>
                <c:pt idx="102">
                  <c:v>101.8</c:v>
                </c:pt>
                <c:pt idx="103">
                  <c:v>103.9</c:v>
                </c:pt>
                <c:pt idx="104">
                  <c:v>101</c:v>
                </c:pt>
                <c:pt idx="105">
                  <c:v>106.8</c:v>
                </c:pt>
                <c:pt idx="106">
                  <c:v>105.9</c:v>
                </c:pt>
                <c:pt idx="107">
                  <c:v>102.7</c:v>
                </c:pt>
                <c:pt idx="108">
                  <c:v>102.7</c:v>
                </c:pt>
                <c:pt idx="109">
                  <c:v>102.7</c:v>
                </c:pt>
                <c:pt idx="110">
                  <c:v>101.7</c:v>
                </c:pt>
                <c:pt idx="111">
                  <c:v>101.9</c:v>
                </c:pt>
                <c:pt idx="112">
                  <c:v>102.6</c:v>
                </c:pt>
                <c:pt idx="113">
                  <c:v>101.7</c:v>
                </c:pt>
                <c:pt idx="114">
                  <c:v>100.8</c:v>
                </c:pt>
                <c:pt idx="115">
                  <c:v>99.7</c:v>
                </c:pt>
                <c:pt idx="116">
                  <c:v>101.7</c:v>
                </c:pt>
                <c:pt idx="117">
                  <c:v>99.5</c:v>
                </c:pt>
                <c:pt idx="118">
                  <c:v>96.9</c:v>
                </c:pt>
                <c:pt idx="119">
                  <c:v>99</c:v>
                </c:pt>
                <c:pt idx="120">
                  <c:v>93.5</c:v>
                </c:pt>
                <c:pt idx="121">
                  <c:v>91.7</c:v>
                </c:pt>
                <c:pt idx="122">
                  <c:v>85.1</c:v>
                </c:pt>
                <c:pt idx="123">
                  <c:v>76.3</c:v>
                </c:pt>
                <c:pt idx="124">
                  <c:v>68.7</c:v>
                </c:pt>
                <c:pt idx="125">
                  <c:v>68.8</c:v>
                </c:pt>
                <c:pt idx="126">
                  <c:v>68.5</c:v>
                </c:pt>
                <c:pt idx="127">
                  <c:v>67.099999999999994</c:v>
                </c:pt>
                <c:pt idx="128">
                  <c:v>68.5</c:v>
                </c:pt>
              </c:numCache>
            </c:numRef>
          </c:val>
          <c:smooth val="0"/>
          <c:extLst>
            <c:ext xmlns:c16="http://schemas.microsoft.com/office/drawing/2014/chart" uri="{C3380CC4-5D6E-409C-BE32-E72D297353CC}">
              <c16:uniqueId val="{00000000-E9D6-4140-B855-46579EB508BB}"/>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31</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まとめ!$D$3:$D$131</c:f>
              <c:numCache>
                <c:formatCode>0.0_ ;[Red]\-0.0\ </c:formatCode>
                <c:ptCount val="129"/>
                <c:pt idx="0">
                  <c:v>87.6</c:v>
                </c:pt>
                <c:pt idx="1">
                  <c:v>88.5</c:v>
                </c:pt>
                <c:pt idx="2">
                  <c:v>89.7</c:v>
                </c:pt>
                <c:pt idx="3">
                  <c:v>90.9</c:v>
                </c:pt>
                <c:pt idx="4">
                  <c:v>90.4</c:v>
                </c:pt>
                <c:pt idx="5">
                  <c:v>90.8</c:v>
                </c:pt>
                <c:pt idx="6">
                  <c:v>91.4</c:v>
                </c:pt>
                <c:pt idx="7">
                  <c:v>91.7</c:v>
                </c:pt>
                <c:pt idx="8">
                  <c:v>92.2</c:v>
                </c:pt>
                <c:pt idx="9">
                  <c:v>91.9</c:v>
                </c:pt>
                <c:pt idx="10">
                  <c:v>93.9</c:v>
                </c:pt>
                <c:pt idx="11">
                  <c:v>93.9</c:v>
                </c:pt>
                <c:pt idx="12">
                  <c:v>93.8</c:v>
                </c:pt>
                <c:pt idx="13">
                  <c:v>95.3</c:v>
                </c:pt>
                <c:pt idx="14">
                  <c:v>88.1</c:v>
                </c:pt>
                <c:pt idx="15">
                  <c:v>85.8</c:v>
                </c:pt>
                <c:pt idx="16">
                  <c:v>88.1</c:v>
                </c:pt>
                <c:pt idx="17">
                  <c:v>90.6</c:v>
                </c:pt>
                <c:pt idx="18">
                  <c:v>92</c:v>
                </c:pt>
                <c:pt idx="19">
                  <c:v>92.9</c:v>
                </c:pt>
                <c:pt idx="20">
                  <c:v>93.7</c:v>
                </c:pt>
                <c:pt idx="21">
                  <c:v>95.2</c:v>
                </c:pt>
                <c:pt idx="22">
                  <c:v>93.7</c:v>
                </c:pt>
                <c:pt idx="23">
                  <c:v>95.7</c:v>
                </c:pt>
                <c:pt idx="24">
                  <c:v>95.8</c:v>
                </c:pt>
                <c:pt idx="25">
                  <c:v>96.8</c:v>
                </c:pt>
                <c:pt idx="26">
                  <c:v>97.8</c:v>
                </c:pt>
                <c:pt idx="27">
                  <c:v>96.4</c:v>
                </c:pt>
                <c:pt idx="28">
                  <c:v>96.2</c:v>
                </c:pt>
                <c:pt idx="29">
                  <c:v>94.2</c:v>
                </c:pt>
                <c:pt idx="30">
                  <c:v>93.5</c:v>
                </c:pt>
                <c:pt idx="31">
                  <c:v>93.5</c:v>
                </c:pt>
                <c:pt idx="32">
                  <c:v>92.2</c:v>
                </c:pt>
                <c:pt idx="33">
                  <c:v>91.9</c:v>
                </c:pt>
                <c:pt idx="34">
                  <c:v>91.4</c:v>
                </c:pt>
                <c:pt idx="35">
                  <c:v>92.7</c:v>
                </c:pt>
                <c:pt idx="36">
                  <c:v>93.1</c:v>
                </c:pt>
                <c:pt idx="37">
                  <c:v>93.9</c:v>
                </c:pt>
                <c:pt idx="38">
                  <c:v>95.6</c:v>
                </c:pt>
                <c:pt idx="39">
                  <c:v>96</c:v>
                </c:pt>
                <c:pt idx="40">
                  <c:v>97.1</c:v>
                </c:pt>
                <c:pt idx="41">
                  <c:v>97.1</c:v>
                </c:pt>
                <c:pt idx="42">
                  <c:v>98.2</c:v>
                </c:pt>
                <c:pt idx="43">
                  <c:v>99.2</c:v>
                </c:pt>
                <c:pt idx="44">
                  <c:v>99.9</c:v>
                </c:pt>
                <c:pt idx="45">
                  <c:v>100.5</c:v>
                </c:pt>
                <c:pt idx="46">
                  <c:v>101.6</c:v>
                </c:pt>
                <c:pt idx="47">
                  <c:v>101.4</c:v>
                </c:pt>
                <c:pt idx="48">
                  <c:v>103.1</c:v>
                </c:pt>
                <c:pt idx="49">
                  <c:v>102.8</c:v>
                </c:pt>
                <c:pt idx="50">
                  <c:v>104.7</c:v>
                </c:pt>
                <c:pt idx="51">
                  <c:v>100.8</c:v>
                </c:pt>
                <c:pt idx="52">
                  <c:v>100.9</c:v>
                </c:pt>
                <c:pt idx="53">
                  <c:v>99.8</c:v>
                </c:pt>
                <c:pt idx="54">
                  <c:v>100.2</c:v>
                </c:pt>
                <c:pt idx="55">
                  <c:v>99.6</c:v>
                </c:pt>
                <c:pt idx="56">
                  <c:v>100.8</c:v>
                </c:pt>
                <c:pt idx="57">
                  <c:v>100.6</c:v>
                </c:pt>
                <c:pt idx="58">
                  <c:v>100.1</c:v>
                </c:pt>
                <c:pt idx="59">
                  <c:v>100.5</c:v>
                </c:pt>
                <c:pt idx="60">
                  <c:v>102</c:v>
                </c:pt>
                <c:pt idx="61">
                  <c:v>100.2</c:v>
                </c:pt>
                <c:pt idx="62">
                  <c:v>99.6</c:v>
                </c:pt>
                <c:pt idx="63">
                  <c:v>100.4</c:v>
                </c:pt>
                <c:pt idx="64">
                  <c:v>99.7</c:v>
                </c:pt>
                <c:pt idx="65">
                  <c:v>100.5</c:v>
                </c:pt>
                <c:pt idx="66">
                  <c:v>100.3</c:v>
                </c:pt>
                <c:pt idx="67">
                  <c:v>99.4</c:v>
                </c:pt>
                <c:pt idx="68">
                  <c:v>100</c:v>
                </c:pt>
                <c:pt idx="69">
                  <c:v>100.2</c:v>
                </c:pt>
                <c:pt idx="70">
                  <c:v>99.3</c:v>
                </c:pt>
                <c:pt idx="71">
                  <c:v>98.3</c:v>
                </c:pt>
                <c:pt idx="72">
                  <c:v>99</c:v>
                </c:pt>
                <c:pt idx="73">
                  <c:v>98.5</c:v>
                </c:pt>
                <c:pt idx="74">
                  <c:v>98.4</c:v>
                </c:pt>
                <c:pt idx="75">
                  <c:v>98.4</c:v>
                </c:pt>
                <c:pt idx="76">
                  <c:v>98.1</c:v>
                </c:pt>
                <c:pt idx="77">
                  <c:v>98.4</c:v>
                </c:pt>
                <c:pt idx="78">
                  <c:v>98.9</c:v>
                </c:pt>
                <c:pt idx="79">
                  <c:v>98.9</c:v>
                </c:pt>
                <c:pt idx="80">
                  <c:v>99.6</c:v>
                </c:pt>
                <c:pt idx="81">
                  <c:v>100.1</c:v>
                </c:pt>
                <c:pt idx="82">
                  <c:v>101.5</c:v>
                </c:pt>
                <c:pt idx="83">
                  <c:v>101.3</c:v>
                </c:pt>
                <c:pt idx="84">
                  <c:v>101</c:v>
                </c:pt>
                <c:pt idx="85">
                  <c:v>101.8</c:v>
                </c:pt>
                <c:pt idx="86">
                  <c:v>101.7</c:v>
                </c:pt>
                <c:pt idx="87">
                  <c:v>102.7</c:v>
                </c:pt>
                <c:pt idx="88">
                  <c:v>102.4</c:v>
                </c:pt>
                <c:pt idx="89">
                  <c:v>102.8</c:v>
                </c:pt>
                <c:pt idx="90">
                  <c:v>102.4</c:v>
                </c:pt>
                <c:pt idx="91">
                  <c:v>103.9</c:v>
                </c:pt>
                <c:pt idx="92">
                  <c:v>103</c:v>
                </c:pt>
                <c:pt idx="93">
                  <c:v>103</c:v>
                </c:pt>
                <c:pt idx="94">
                  <c:v>104.4</c:v>
                </c:pt>
                <c:pt idx="95">
                  <c:v>105.4</c:v>
                </c:pt>
                <c:pt idx="96">
                  <c:v>103.1</c:v>
                </c:pt>
                <c:pt idx="97">
                  <c:v>103.3</c:v>
                </c:pt>
                <c:pt idx="98">
                  <c:v>103.4</c:v>
                </c:pt>
                <c:pt idx="99">
                  <c:v>104.4</c:v>
                </c:pt>
                <c:pt idx="100">
                  <c:v>104</c:v>
                </c:pt>
                <c:pt idx="101">
                  <c:v>103.8</c:v>
                </c:pt>
                <c:pt idx="102">
                  <c:v>103.2</c:v>
                </c:pt>
                <c:pt idx="103">
                  <c:v>103.3</c:v>
                </c:pt>
                <c:pt idx="104">
                  <c:v>101.9</c:v>
                </c:pt>
                <c:pt idx="105">
                  <c:v>104.2</c:v>
                </c:pt>
                <c:pt idx="106">
                  <c:v>102.4</c:v>
                </c:pt>
                <c:pt idx="107">
                  <c:v>101.1</c:v>
                </c:pt>
                <c:pt idx="108">
                  <c:v>100.3</c:v>
                </c:pt>
                <c:pt idx="109">
                  <c:v>101.8</c:v>
                </c:pt>
                <c:pt idx="110">
                  <c:v>101.3</c:v>
                </c:pt>
                <c:pt idx="111">
                  <c:v>101.6</c:v>
                </c:pt>
                <c:pt idx="112">
                  <c:v>101.5</c:v>
                </c:pt>
                <c:pt idx="113">
                  <c:v>99.7</c:v>
                </c:pt>
                <c:pt idx="114">
                  <c:v>99.7</c:v>
                </c:pt>
                <c:pt idx="115">
                  <c:v>98.4</c:v>
                </c:pt>
                <c:pt idx="116">
                  <c:v>99.7</c:v>
                </c:pt>
                <c:pt idx="117">
                  <c:v>95.9</c:v>
                </c:pt>
                <c:pt idx="118">
                  <c:v>94.8</c:v>
                </c:pt>
                <c:pt idx="119">
                  <c:v>94.1</c:v>
                </c:pt>
                <c:pt idx="120">
                  <c:v>94.6</c:v>
                </c:pt>
                <c:pt idx="121">
                  <c:v>94.5</c:v>
                </c:pt>
                <c:pt idx="122">
                  <c:v>89.3</c:v>
                </c:pt>
                <c:pt idx="123">
                  <c:v>79.099999999999994</c:v>
                </c:pt>
                <c:pt idx="124">
                  <c:v>71.7</c:v>
                </c:pt>
                <c:pt idx="125">
                  <c:v>75</c:v>
                </c:pt>
                <c:pt idx="126">
                  <c:v>81</c:v>
                </c:pt>
                <c:pt idx="127">
                  <c:v>82.4</c:v>
                </c:pt>
                <c:pt idx="128">
                  <c:v>84.8</c:v>
                </c:pt>
              </c:numCache>
            </c:numRef>
          </c:val>
          <c:smooth val="0"/>
          <c:extLst>
            <c:ext xmlns:c16="http://schemas.microsoft.com/office/drawing/2014/chart" uri="{C3380CC4-5D6E-409C-BE32-E72D297353CC}">
              <c16:uniqueId val="{00000001-E9D6-4140-B855-46579EB508BB}"/>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7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E$10:$H$10</c:f>
              <c:strCache>
                <c:ptCount val="4"/>
                <c:pt idx="0">
                  <c:v>2016年</c:v>
                </c:pt>
                <c:pt idx="1">
                  <c:v>2017年</c:v>
                </c:pt>
                <c:pt idx="2">
                  <c:v>2018年</c:v>
                </c:pt>
                <c:pt idx="3">
                  <c:v>2019年</c:v>
                </c:pt>
              </c:strCache>
            </c:strRef>
          </c:cat>
          <c:val>
            <c:numRef>
              <c:f>就業状況!$E$11:$H$11</c:f>
              <c:numCache>
                <c:formatCode>General</c:formatCode>
                <c:ptCount val="4"/>
                <c:pt idx="0">
                  <c:v>60</c:v>
                </c:pt>
                <c:pt idx="1">
                  <c:v>58</c:v>
                </c:pt>
                <c:pt idx="2">
                  <c:v>64</c:v>
                </c:pt>
                <c:pt idx="3">
                  <c:v>68</c:v>
                </c:pt>
              </c:numCache>
            </c:numRef>
          </c:val>
          <c:extLst>
            <c:ext xmlns:c16="http://schemas.microsoft.com/office/drawing/2014/chart" uri="{C3380CC4-5D6E-409C-BE32-E72D297353CC}">
              <c16:uniqueId val="{00000000-C21C-4F0F-B7E8-814DF2BC4984}"/>
            </c:ext>
          </c:extLst>
        </c:ser>
        <c:ser>
          <c:idx val="1"/>
          <c:order val="1"/>
          <c:tx>
            <c:strRef>
              <c:f>就業状況!$B$12</c:f>
              <c:strCache>
                <c:ptCount val="1"/>
                <c:pt idx="0">
                  <c:v>非正規の職員・従業員</c:v>
                </c:pt>
              </c:strCache>
            </c:strRef>
          </c:tx>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E$10:$H$10</c:f>
              <c:strCache>
                <c:ptCount val="4"/>
                <c:pt idx="0">
                  <c:v>2016年</c:v>
                </c:pt>
                <c:pt idx="1">
                  <c:v>2017年</c:v>
                </c:pt>
                <c:pt idx="2">
                  <c:v>2018年</c:v>
                </c:pt>
                <c:pt idx="3">
                  <c:v>2019年</c:v>
                </c:pt>
              </c:strCache>
            </c:strRef>
          </c:cat>
          <c:val>
            <c:numRef>
              <c:f>就業状況!$E$12:$H$12</c:f>
              <c:numCache>
                <c:formatCode>General</c:formatCode>
                <c:ptCount val="4"/>
                <c:pt idx="0">
                  <c:v>186</c:v>
                </c:pt>
                <c:pt idx="1">
                  <c:v>190</c:v>
                </c:pt>
                <c:pt idx="2">
                  <c:v>227</c:v>
                </c:pt>
                <c:pt idx="3">
                  <c:v>256</c:v>
                </c:pt>
              </c:numCache>
            </c:numRef>
          </c:val>
          <c:extLst>
            <c:ext xmlns:c16="http://schemas.microsoft.com/office/drawing/2014/chart" uri="{C3380CC4-5D6E-409C-BE32-E72D297353CC}">
              <c16:uniqueId val="{00000001-C21C-4F0F-B7E8-814DF2BC4984}"/>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798726697624335"/>
          <c:h val="6.3448818897637801E-2"/>
        </c:manualLayout>
      </c:layout>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8.5654395764631991E-2"/>
          <c:y val="0.10493930446194227"/>
          <c:w val="0.88927437916414298"/>
          <c:h val="0.66375492125984248"/>
        </c:manualLayout>
      </c:layout>
      <c:barChart>
        <c:barDir val="col"/>
        <c:grouping val="clustered"/>
        <c:varyColors val="0"/>
        <c:ser>
          <c:idx val="0"/>
          <c:order val="0"/>
          <c:tx>
            <c:strRef>
              <c:f>賃金!$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008-4B99-844F-175ABC2625DB}"/>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008-4B99-844F-175ABC2625DB}"/>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008-4B99-844F-175ABC2625DB}"/>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008-4B99-844F-175ABC2625DB}"/>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008-4B99-844F-175ABC2625DB}"/>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B$17:$B$28</c:f>
              <c:numCache>
                <c:formatCode>0.0</c:formatCode>
                <c:ptCount val="12"/>
                <c:pt idx="0">
                  <c:v>21</c:v>
                </c:pt>
                <c:pt idx="1">
                  <c:v>24.580000000000002</c:v>
                </c:pt>
                <c:pt idx="2">
                  <c:v>28.52</c:v>
                </c:pt>
                <c:pt idx="3">
                  <c:v>32.989999999999995</c:v>
                </c:pt>
                <c:pt idx="4">
                  <c:v>36.64</c:v>
                </c:pt>
                <c:pt idx="5">
                  <c:v>38.549999999999997</c:v>
                </c:pt>
                <c:pt idx="6">
                  <c:v>40.61</c:v>
                </c:pt>
                <c:pt idx="7">
                  <c:v>44.05</c:v>
                </c:pt>
                <c:pt idx="8">
                  <c:v>42.86</c:v>
                </c:pt>
                <c:pt idx="9">
                  <c:v>32.5</c:v>
                </c:pt>
                <c:pt idx="10">
                  <c:v>31.68</c:v>
                </c:pt>
                <c:pt idx="11">
                  <c:v>25.82</c:v>
                </c:pt>
              </c:numCache>
            </c:numRef>
          </c:val>
          <c:extLst>
            <c:ext xmlns:c16="http://schemas.microsoft.com/office/drawing/2014/chart" uri="{C3380CC4-5D6E-409C-BE32-E72D297353CC}">
              <c16:uniqueId val="{00000005-C008-4B99-844F-175ABC2625DB}"/>
            </c:ext>
          </c:extLst>
        </c:ser>
        <c:ser>
          <c:idx val="1"/>
          <c:order val="1"/>
          <c:tx>
            <c:strRef>
              <c:f>賃金!$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008-4B99-844F-175ABC2625DB}"/>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008-4B99-844F-175ABC2625DB}"/>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C$17:$C$28</c:f>
              <c:numCache>
                <c:formatCode>0.0</c:formatCode>
                <c:ptCount val="12"/>
                <c:pt idx="0">
                  <c:v>14.4</c:v>
                </c:pt>
                <c:pt idx="1">
                  <c:v>37.549999999999997</c:v>
                </c:pt>
                <c:pt idx="2">
                  <c:v>75.05</c:v>
                </c:pt>
                <c:pt idx="3">
                  <c:v>89.11</c:v>
                </c:pt>
                <c:pt idx="4">
                  <c:v>109.47999999999999</c:v>
                </c:pt>
                <c:pt idx="5">
                  <c:v>119.65</c:v>
                </c:pt>
                <c:pt idx="6">
                  <c:v>132.38</c:v>
                </c:pt>
                <c:pt idx="7">
                  <c:v>151.24</c:v>
                </c:pt>
                <c:pt idx="8">
                  <c:v>146.30000000000001</c:v>
                </c:pt>
                <c:pt idx="9">
                  <c:v>79.679999999999993</c:v>
                </c:pt>
                <c:pt idx="10">
                  <c:v>38.44</c:v>
                </c:pt>
                <c:pt idx="11">
                  <c:v>28.98</c:v>
                </c:pt>
              </c:numCache>
            </c:numRef>
          </c:val>
          <c:extLst>
            <c:ext xmlns:c16="http://schemas.microsoft.com/office/drawing/2014/chart" uri="{C3380CC4-5D6E-409C-BE32-E72D297353CC}">
              <c16:uniqueId val="{00000008-C008-4B99-844F-175ABC2625DB}"/>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in val="0"/>
        </c:scaling>
        <c:delete val="0"/>
        <c:axPos val="l"/>
        <c:majorGridlines/>
        <c:title>
          <c:tx>
            <c:rich>
              <a:bodyPr rot="0" vert="horz"/>
              <a:lstStyle/>
              <a:p>
                <a:pPr>
                  <a:defRPr b="0"/>
                </a:pPr>
                <a:r>
                  <a:rPr lang="ja-JP" altLang="en-US" b="0"/>
                  <a:t>（万円）</a:t>
                </a:r>
              </a:p>
            </c:rich>
          </c:tx>
          <c:layout>
            <c:manualLayout>
              <c:xMode val="edge"/>
              <c:yMode val="edge"/>
              <c:x val="2.2792022792022793E-2"/>
              <c:y val="1.2452099737532809E-2"/>
            </c:manualLayout>
          </c:layout>
          <c:overlay val="0"/>
        </c:title>
        <c:numFmt formatCode="0.0" sourceLinked="1"/>
        <c:majorTickMark val="out"/>
        <c:minorTickMark val="none"/>
        <c:tickLblPos val="nextTo"/>
        <c:crossAx val="177372160"/>
        <c:crosses val="autoZero"/>
        <c:crossBetween val="between"/>
      </c:valAx>
    </c:plotArea>
    <c:legend>
      <c:legendPos val="t"/>
      <c:overlay val="0"/>
    </c:legend>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4059764268596853E-2"/>
          <c:y val="5.104606751742239E-2"/>
          <c:w val="0.84773968471332384"/>
          <c:h val="0.83377391619151053"/>
        </c:manualLayout>
      </c:layout>
      <c:lineChart>
        <c:grouping val="standard"/>
        <c:varyColors val="0"/>
        <c:ser>
          <c:idx val="2"/>
          <c:order val="2"/>
          <c:tx>
            <c:strRef>
              <c:f>大阪経年!$B$6</c:f>
              <c:strCache>
                <c:ptCount val="1"/>
                <c:pt idx="0">
                  <c:v>実雇用率（全国）</c:v>
                </c:pt>
              </c:strCache>
            </c:strRef>
          </c:tx>
          <c:spPr>
            <a:ln cmpd="dbl">
              <a:prstDash val="sysDash"/>
            </a:ln>
          </c:spP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611-42E4-9AD9-684EFD12A9D6}"/>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6:$L$6</c:f>
              <c:numCache>
                <c:formatCode>0.00_);[Red]\(0.00\)</c:formatCode>
                <c:ptCount val="10"/>
                <c:pt idx="0">
                  <c:v>1.68</c:v>
                </c:pt>
                <c:pt idx="1">
                  <c:v>1.65</c:v>
                </c:pt>
                <c:pt idx="2">
                  <c:v>1.69</c:v>
                </c:pt>
                <c:pt idx="3">
                  <c:v>1.76</c:v>
                </c:pt>
                <c:pt idx="4">
                  <c:v>1.82</c:v>
                </c:pt>
                <c:pt idx="5">
                  <c:v>1.88</c:v>
                </c:pt>
                <c:pt idx="6">
                  <c:v>1.92</c:v>
                </c:pt>
                <c:pt idx="7">
                  <c:v>1.97</c:v>
                </c:pt>
                <c:pt idx="8">
                  <c:v>2.0499999999999998</c:v>
                </c:pt>
                <c:pt idx="9">
                  <c:v>2.11</c:v>
                </c:pt>
              </c:numCache>
            </c:numRef>
          </c:val>
          <c:smooth val="0"/>
          <c:extLst>
            <c:ext xmlns:c16="http://schemas.microsoft.com/office/drawing/2014/chart" uri="{C3380CC4-5D6E-409C-BE32-E72D297353CC}">
              <c16:uniqueId val="{00000001-0611-42E4-9AD9-684EFD12A9D6}"/>
            </c:ext>
          </c:extLst>
        </c:ser>
        <c:ser>
          <c:idx val="3"/>
          <c:order val="3"/>
          <c:tx>
            <c:strRef>
              <c:f>大阪経年!$B$7</c:f>
              <c:strCache>
                <c:ptCount val="1"/>
                <c:pt idx="0">
                  <c:v>実雇用率（大阪府）</c:v>
                </c:pt>
              </c:strCache>
            </c:strRef>
          </c:tx>
          <c:spPr>
            <a:ln cmpd="dbl"/>
          </c:spP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7:$L$7</c:f>
              <c:numCache>
                <c:formatCode>0.00_);[Red]\(0.00\)</c:formatCode>
                <c:ptCount val="10"/>
                <c:pt idx="0">
                  <c:v>1.67</c:v>
                </c:pt>
                <c:pt idx="1">
                  <c:v>1.63</c:v>
                </c:pt>
                <c:pt idx="2">
                  <c:v>1.69</c:v>
                </c:pt>
                <c:pt idx="3">
                  <c:v>1.76</c:v>
                </c:pt>
                <c:pt idx="4">
                  <c:v>1.81</c:v>
                </c:pt>
                <c:pt idx="5">
                  <c:v>1.84</c:v>
                </c:pt>
                <c:pt idx="6">
                  <c:v>1.88</c:v>
                </c:pt>
                <c:pt idx="7">
                  <c:v>1.92</c:v>
                </c:pt>
                <c:pt idx="8">
                  <c:v>2.0099999999999998</c:v>
                </c:pt>
                <c:pt idx="9">
                  <c:v>2.08</c:v>
                </c:pt>
              </c:numCache>
            </c:numRef>
          </c:val>
          <c:smooth val="0"/>
          <c:extLst>
            <c:ext xmlns:c16="http://schemas.microsoft.com/office/drawing/2014/chart" uri="{C3380CC4-5D6E-409C-BE32-E72D297353CC}">
              <c16:uniqueId val="{00000002-0611-42E4-9AD9-684EFD12A9D6}"/>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c:v>
                </c:pt>
              </c:strCache>
            </c:strRef>
          </c:tx>
          <c:spPr>
            <a:ln>
              <a:prstDash val="sysDash"/>
            </a:ln>
          </c:spP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4:$L$4</c:f>
              <c:numCache>
                <c:formatCode>0.0_);[Red]\(0.0\)</c:formatCode>
                <c:ptCount val="10"/>
                <c:pt idx="0">
                  <c:v>47</c:v>
                </c:pt>
                <c:pt idx="1">
                  <c:v>45.3</c:v>
                </c:pt>
                <c:pt idx="2">
                  <c:v>46.8</c:v>
                </c:pt>
                <c:pt idx="3">
                  <c:v>42.7</c:v>
                </c:pt>
                <c:pt idx="4">
                  <c:v>44.7</c:v>
                </c:pt>
                <c:pt idx="5">
                  <c:v>47.2</c:v>
                </c:pt>
                <c:pt idx="6">
                  <c:v>48.8</c:v>
                </c:pt>
                <c:pt idx="7">
                  <c:v>50</c:v>
                </c:pt>
                <c:pt idx="8">
                  <c:v>45.9</c:v>
                </c:pt>
                <c:pt idx="9">
                  <c:v>48</c:v>
                </c:pt>
              </c:numCache>
            </c:numRef>
          </c:val>
          <c:smooth val="0"/>
          <c:extLst>
            <c:ext xmlns:c16="http://schemas.microsoft.com/office/drawing/2014/chart" uri="{C3380CC4-5D6E-409C-BE32-E72D297353CC}">
              <c16:uniqueId val="{00000003-0611-42E4-9AD9-684EFD12A9D6}"/>
            </c:ext>
          </c:extLst>
        </c:ser>
        <c:ser>
          <c:idx val="1"/>
          <c:order val="1"/>
          <c:tx>
            <c:strRef>
              <c:f>大阪経年!$B$5</c:f>
              <c:strCache>
                <c:ptCount val="1"/>
                <c:pt idx="0">
                  <c:v>法定雇用率達成企業の割合（大阪府）</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0611-42E4-9AD9-684EFD12A9D6}"/>
                </c:ext>
              </c:extLst>
            </c:dLbl>
            <c:dLbl>
              <c:idx val="9"/>
              <c:layout>
                <c:manualLayout>
                  <c:x val="-1.1390343279457649E-2"/>
                  <c:y val="2.01848596769375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611-42E4-9AD9-684EFD12A9D6}"/>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L$3</c:f>
              <c:numCache>
                <c:formatCode>General</c:formatCode>
                <c:ptCount val="10"/>
                <c:pt idx="0">
                  <c:v>2010</c:v>
                </c:pt>
                <c:pt idx="1">
                  <c:v>2011</c:v>
                </c:pt>
                <c:pt idx="2">
                  <c:v>2012</c:v>
                </c:pt>
                <c:pt idx="3">
                  <c:v>2013</c:v>
                </c:pt>
                <c:pt idx="4">
                  <c:v>2014</c:v>
                </c:pt>
                <c:pt idx="5">
                  <c:v>2015</c:v>
                </c:pt>
                <c:pt idx="6">
                  <c:v>2016</c:v>
                </c:pt>
                <c:pt idx="7">
                  <c:v>2017</c:v>
                </c:pt>
                <c:pt idx="8">
                  <c:v>2018</c:v>
                </c:pt>
                <c:pt idx="9">
                  <c:v>2019</c:v>
                </c:pt>
              </c:numCache>
            </c:numRef>
          </c:cat>
          <c:val>
            <c:numRef>
              <c:f>大阪経年!$C$5:$L$5</c:f>
              <c:numCache>
                <c:formatCode>0.0_);[Red]\(0.0\)</c:formatCode>
                <c:ptCount val="10"/>
                <c:pt idx="0">
                  <c:v>44.5</c:v>
                </c:pt>
                <c:pt idx="1">
                  <c:v>43.8</c:v>
                </c:pt>
                <c:pt idx="2">
                  <c:v>44.9</c:v>
                </c:pt>
                <c:pt idx="3">
                  <c:v>40.700000000000003</c:v>
                </c:pt>
                <c:pt idx="4">
                  <c:v>42.6</c:v>
                </c:pt>
                <c:pt idx="5">
                  <c:v>44</c:v>
                </c:pt>
                <c:pt idx="6">
                  <c:v>45.3</c:v>
                </c:pt>
                <c:pt idx="7">
                  <c:v>45.5</c:v>
                </c:pt>
                <c:pt idx="8">
                  <c:v>41</c:v>
                </c:pt>
                <c:pt idx="9">
                  <c:v>43.1</c:v>
                </c:pt>
              </c:numCache>
            </c:numRef>
          </c:val>
          <c:smooth val="0"/>
          <c:extLst>
            <c:ext xmlns:c16="http://schemas.microsoft.com/office/drawing/2014/chart" uri="{C3380CC4-5D6E-409C-BE32-E72D297353CC}">
              <c16:uniqueId val="{00000005-0611-42E4-9AD9-684EFD12A9D6}"/>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2.5"/>
          <c:min val="1.5"/>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1964734579957733E-2"/>
          <c:y val="2.9961214589162143E-2"/>
          <c:w val="0.72776068014332651"/>
          <c:h val="0.90028921723931088"/>
        </c:manualLayout>
      </c:layout>
      <c:lineChart>
        <c:grouping val="standard"/>
        <c:varyColors val="0"/>
        <c:ser>
          <c:idx val="0"/>
          <c:order val="0"/>
          <c:tx>
            <c:strRef>
              <c:f>'産業 (並換)'!$L$5</c:f>
              <c:strCache>
                <c:ptCount val="1"/>
                <c:pt idx="0">
                  <c:v>医療福祉</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5:$V$5</c:f>
              <c:numCache>
                <c:formatCode>0.00_);[Red]\(0.00\)</c:formatCode>
                <c:ptCount val="10"/>
                <c:pt idx="0">
                  <c:v>2.02</c:v>
                </c:pt>
                <c:pt idx="1">
                  <c:v>1.9</c:v>
                </c:pt>
                <c:pt idx="2">
                  <c:v>1.98</c:v>
                </c:pt>
                <c:pt idx="3">
                  <c:v>2.0499999999999998</c:v>
                </c:pt>
                <c:pt idx="4">
                  <c:v>2.17</c:v>
                </c:pt>
                <c:pt idx="5">
                  <c:v>2.2999999999999998</c:v>
                </c:pt>
                <c:pt idx="6">
                  <c:v>2.4300000000000002</c:v>
                </c:pt>
                <c:pt idx="7">
                  <c:v>2.5</c:v>
                </c:pt>
                <c:pt idx="8">
                  <c:v>2.68</c:v>
                </c:pt>
                <c:pt idx="9">
                  <c:v>2.73</c:v>
                </c:pt>
              </c:numCache>
            </c:numRef>
          </c:val>
          <c:smooth val="0"/>
          <c:extLst>
            <c:ext xmlns:c16="http://schemas.microsoft.com/office/drawing/2014/chart" uri="{C3380CC4-5D6E-409C-BE32-E72D297353CC}">
              <c16:uniqueId val="{00000001-4B13-4FDA-83EE-A9B2C72DF0C7}"/>
            </c:ext>
          </c:extLst>
        </c:ser>
        <c:ser>
          <c:idx val="1"/>
          <c:order val="1"/>
          <c:tx>
            <c:strRef>
              <c:f>'産業 (並換)'!$L$6</c:f>
              <c:strCache>
                <c:ptCount val="1"/>
                <c:pt idx="0">
                  <c:v>生活関連サービス業、娯楽業</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6:$V$6</c:f>
              <c:numCache>
                <c:formatCode>0.00_);[Red]\(0.00\)</c:formatCode>
                <c:ptCount val="10"/>
                <c:pt idx="0">
                  <c:v>1.9</c:v>
                </c:pt>
                <c:pt idx="1">
                  <c:v>1.87</c:v>
                </c:pt>
                <c:pt idx="2">
                  <c:v>1.94</c:v>
                </c:pt>
                <c:pt idx="3">
                  <c:v>1.98</c:v>
                </c:pt>
                <c:pt idx="4">
                  <c:v>2.02</c:v>
                </c:pt>
                <c:pt idx="5">
                  <c:v>2.04</c:v>
                </c:pt>
                <c:pt idx="6">
                  <c:v>2.11</c:v>
                </c:pt>
                <c:pt idx="7">
                  <c:v>2.15</c:v>
                </c:pt>
                <c:pt idx="8">
                  <c:v>2.2599999999999998</c:v>
                </c:pt>
                <c:pt idx="9">
                  <c:v>2.3199999999999998</c:v>
                </c:pt>
              </c:numCache>
            </c:numRef>
          </c:val>
          <c:smooth val="0"/>
          <c:extLst>
            <c:ext xmlns:c16="http://schemas.microsoft.com/office/drawing/2014/chart" uri="{C3380CC4-5D6E-409C-BE32-E72D297353CC}">
              <c16:uniqueId val="{00000003-4B13-4FDA-83EE-A9B2C72DF0C7}"/>
            </c:ext>
          </c:extLst>
        </c:ser>
        <c:ser>
          <c:idx val="2"/>
          <c:order val="2"/>
          <c:tx>
            <c:strRef>
              <c:f>'産業 (並換)'!$L$7</c:f>
              <c:strCache>
                <c:ptCount val="1"/>
                <c:pt idx="0">
                  <c:v>運輸業、郵便業</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7:$V$7</c:f>
              <c:numCache>
                <c:formatCode>0.00_);[Red]\(0.00\)</c:formatCode>
                <c:ptCount val="10"/>
                <c:pt idx="0">
                  <c:v>1.88</c:v>
                </c:pt>
                <c:pt idx="1">
                  <c:v>1.69</c:v>
                </c:pt>
                <c:pt idx="2">
                  <c:v>1.74</c:v>
                </c:pt>
                <c:pt idx="3">
                  <c:v>1.82</c:v>
                </c:pt>
                <c:pt idx="4">
                  <c:v>1.88</c:v>
                </c:pt>
                <c:pt idx="5">
                  <c:v>1.94</c:v>
                </c:pt>
                <c:pt idx="6">
                  <c:v>2</c:v>
                </c:pt>
                <c:pt idx="7">
                  <c:v>2.04</c:v>
                </c:pt>
                <c:pt idx="8">
                  <c:v>2.13</c:v>
                </c:pt>
                <c:pt idx="9">
                  <c:v>2.19</c:v>
                </c:pt>
              </c:numCache>
            </c:numRef>
          </c:val>
          <c:smooth val="0"/>
          <c:extLst>
            <c:ext xmlns:c16="http://schemas.microsoft.com/office/drawing/2014/chart" uri="{C3380CC4-5D6E-409C-BE32-E72D297353CC}">
              <c16:uniqueId val="{00000005-4B13-4FDA-83EE-A9B2C72DF0C7}"/>
            </c:ext>
          </c:extLst>
        </c:ser>
        <c:ser>
          <c:idx val="3"/>
          <c:order val="3"/>
          <c:tx>
            <c:strRef>
              <c:f>'産業 (並換)'!$L$8</c:f>
              <c:strCache>
                <c:ptCount val="1"/>
                <c:pt idx="0">
                  <c:v>製造業</c:v>
                </c:pt>
              </c:strCache>
            </c:strRef>
          </c:tx>
          <c:dLbls>
            <c:dLbl>
              <c:idx val="9"/>
              <c:layout>
                <c:manualLayout>
                  <c:x val="-1.3430856339691892E-16"/>
                  <c:y val="-6.9991231807102604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8:$V$8</c:f>
              <c:numCache>
                <c:formatCode>0.00_);[Red]\(0.00\)</c:formatCode>
                <c:ptCount val="10"/>
                <c:pt idx="0">
                  <c:v>1.78</c:v>
                </c:pt>
                <c:pt idx="1">
                  <c:v>1.77</c:v>
                </c:pt>
                <c:pt idx="2">
                  <c:v>1.81</c:v>
                </c:pt>
                <c:pt idx="3">
                  <c:v>1.86</c:v>
                </c:pt>
                <c:pt idx="4">
                  <c:v>1.91</c:v>
                </c:pt>
                <c:pt idx="5">
                  <c:v>1.95</c:v>
                </c:pt>
                <c:pt idx="6">
                  <c:v>1.98</c:v>
                </c:pt>
                <c:pt idx="7">
                  <c:v>2.02</c:v>
                </c:pt>
                <c:pt idx="8">
                  <c:v>2.0699999999999998</c:v>
                </c:pt>
                <c:pt idx="9">
                  <c:v>2.12</c:v>
                </c:pt>
              </c:numCache>
            </c:numRef>
          </c:val>
          <c:smooth val="0"/>
          <c:extLst>
            <c:ext xmlns:c16="http://schemas.microsoft.com/office/drawing/2014/chart" uri="{C3380CC4-5D6E-409C-BE32-E72D297353CC}">
              <c16:uniqueId val="{00000007-4B13-4FDA-83EE-A9B2C72DF0C7}"/>
            </c:ext>
          </c:extLst>
        </c:ser>
        <c:ser>
          <c:idx val="4"/>
          <c:order val="4"/>
          <c:tx>
            <c:strRef>
              <c:f>'産業 (並換)'!$L$9</c:f>
              <c:strCache>
                <c:ptCount val="1"/>
                <c:pt idx="0">
                  <c:v>金融業、保険業</c:v>
                </c:pt>
              </c:strCache>
            </c:strRef>
          </c:tx>
          <c:dLbls>
            <c:dLbl>
              <c:idx val="9"/>
              <c:layout>
                <c:manualLayout>
                  <c:x val="-1.3430856339691892E-16"/>
                  <c:y val="1.749780795177548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9:$V$9</c:f>
              <c:numCache>
                <c:formatCode>0.00_);[Red]\(0.00\)</c:formatCode>
                <c:ptCount val="10"/>
                <c:pt idx="0">
                  <c:v>1.73</c:v>
                </c:pt>
                <c:pt idx="1">
                  <c:v>1.73</c:v>
                </c:pt>
                <c:pt idx="2">
                  <c:v>1.76</c:v>
                </c:pt>
                <c:pt idx="3">
                  <c:v>1.83</c:v>
                </c:pt>
                <c:pt idx="4">
                  <c:v>1.89</c:v>
                </c:pt>
                <c:pt idx="5">
                  <c:v>1.91</c:v>
                </c:pt>
                <c:pt idx="6">
                  <c:v>1.94</c:v>
                </c:pt>
                <c:pt idx="7">
                  <c:v>1.97</c:v>
                </c:pt>
                <c:pt idx="8">
                  <c:v>2.0299999999999998</c:v>
                </c:pt>
                <c:pt idx="9">
                  <c:v>2.1</c:v>
                </c:pt>
              </c:numCache>
            </c:numRef>
          </c:val>
          <c:smooth val="0"/>
          <c:extLst>
            <c:ext xmlns:c16="http://schemas.microsoft.com/office/drawing/2014/chart" uri="{C3380CC4-5D6E-409C-BE32-E72D297353CC}">
              <c16:uniqueId val="{00000009-4B13-4FDA-83EE-A9B2C72DF0C7}"/>
            </c:ext>
          </c:extLst>
        </c:ser>
        <c:ser>
          <c:idx val="5"/>
          <c:order val="5"/>
          <c:tx>
            <c:strRef>
              <c:f>'産業 (並換)'!$L$10</c:f>
              <c:strCache>
                <c:ptCount val="1"/>
                <c:pt idx="0">
                  <c:v>宿泊業、飲食サービス業</c:v>
                </c:pt>
              </c:strCache>
            </c:strRef>
          </c:tx>
          <c:dLbls>
            <c:dLbl>
              <c:idx val="9"/>
              <c:layout>
                <c:manualLayout>
                  <c:x val="-1.3430856339691892E-16"/>
                  <c:y val="2.0997369542130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0:$V$10</c:f>
              <c:numCache>
                <c:formatCode>0.00_);[Red]\(0.00\)</c:formatCode>
                <c:ptCount val="10"/>
                <c:pt idx="0">
                  <c:v>1.58</c:v>
                </c:pt>
                <c:pt idx="1">
                  <c:v>1.49</c:v>
                </c:pt>
                <c:pt idx="2">
                  <c:v>1.58</c:v>
                </c:pt>
                <c:pt idx="3">
                  <c:v>1.68</c:v>
                </c:pt>
                <c:pt idx="4">
                  <c:v>1.7</c:v>
                </c:pt>
                <c:pt idx="5">
                  <c:v>1.78</c:v>
                </c:pt>
                <c:pt idx="6">
                  <c:v>1.83</c:v>
                </c:pt>
                <c:pt idx="7">
                  <c:v>1.88</c:v>
                </c:pt>
                <c:pt idx="8">
                  <c:v>1.98</c:v>
                </c:pt>
                <c:pt idx="9">
                  <c:v>2.06</c:v>
                </c:pt>
              </c:numCache>
            </c:numRef>
          </c:val>
          <c:smooth val="0"/>
          <c:extLst>
            <c:ext xmlns:c16="http://schemas.microsoft.com/office/drawing/2014/chart" uri="{C3380CC4-5D6E-409C-BE32-E72D297353CC}">
              <c16:uniqueId val="{0000000B-4B13-4FDA-83EE-A9B2C72DF0C7}"/>
            </c:ext>
          </c:extLst>
        </c:ser>
        <c:ser>
          <c:idx val="6"/>
          <c:order val="6"/>
          <c:tx>
            <c:strRef>
              <c:f>'産業 (並換)'!$L$11</c:f>
              <c:strCache>
                <c:ptCount val="1"/>
                <c:pt idx="0">
                  <c:v>卸売業、小売業</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1:$V$11</c:f>
              <c:numCache>
                <c:formatCode>0.00_);[Red]\(0.00\)</c:formatCode>
                <c:ptCount val="10"/>
                <c:pt idx="0">
                  <c:v>1.48</c:v>
                </c:pt>
                <c:pt idx="1">
                  <c:v>1.41</c:v>
                </c:pt>
                <c:pt idx="2">
                  <c:v>1.48</c:v>
                </c:pt>
                <c:pt idx="3">
                  <c:v>1.56</c:v>
                </c:pt>
                <c:pt idx="4">
                  <c:v>1.63</c:v>
                </c:pt>
                <c:pt idx="5">
                  <c:v>1.68</c:v>
                </c:pt>
                <c:pt idx="6">
                  <c:v>1.74</c:v>
                </c:pt>
                <c:pt idx="7">
                  <c:v>1.78</c:v>
                </c:pt>
                <c:pt idx="8">
                  <c:v>1.87</c:v>
                </c:pt>
                <c:pt idx="9">
                  <c:v>1.94</c:v>
                </c:pt>
              </c:numCache>
            </c:numRef>
          </c:val>
          <c:smooth val="0"/>
          <c:extLst>
            <c:ext xmlns:c16="http://schemas.microsoft.com/office/drawing/2014/chart" uri="{C3380CC4-5D6E-409C-BE32-E72D297353CC}">
              <c16:uniqueId val="{0000000D-4B13-4FDA-83EE-A9B2C72DF0C7}"/>
            </c:ext>
          </c:extLst>
        </c:ser>
        <c:ser>
          <c:idx val="7"/>
          <c:order val="7"/>
          <c:tx>
            <c:strRef>
              <c:f>'産業 (並換)'!$L$12</c:f>
              <c:strCache>
                <c:ptCount val="1"/>
                <c:pt idx="0">
                  <c:v>建設業</c:v>
                </c:pt>
              </c:strCache>
            </c:strRef>
          </c:tx>
          <c:marker>
            <c:symbol val="triangle"/>
            <c:size val="7"/>
          </c:marker>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2:$V$12</c:f>
              <c:numCache>
                <c:formatCode>0.00_);[Red]\(0.00\)</c:formatCode>
                <c:ptCount val="10"/>
                <c:pt idx="0">
                  <c:v>1.56</c:v>
                </c:pt>
                <c:pt idx="1">
                  <c:v>1.46</c:v>
                </c:pt>
                <c:pt idx="2">
                  <c:v>1.52</c:v>
                </c:pt>
                <c:pt idx="3">
                  <c:v>1.58</c:v>
                </c:pt>
                <c:pt idx="4">
                  <c:v>1.66</c:v>
                </c:pt>
                <c:pt idx="5">
                  <c:v>1.69</c:v>
                </c:pt>
                <c:pt idx="6">
                  <c:v>1.72</c:v>
                </c:pt>
                <c:pt idx="7">
                  <c:v>1.76</c:v>
                </c:pt>
                <c:pt idx="8">
                  <c:v>1.83</c:v>
                </c:pt>
                <c:pt idx="9">
                  <c:v>1.88</c:v>
                </c:pt>
              </c:numCache>
            </c:numRef>
          </c:val>
          <c:smooth val="0"/>
          <c:extLst>
            <c:ext xmlns:c16="http://schemas.microsoft.com/office/drawing/2014/chart" uri="{C3380CC4-5D6E-409C-BE32-E72D297353CC}">
              <c16:uniqueId val="{0000000F-4B13-4FDA-83EE-A9B2C72DF0C7}"/>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B13-4FDA-83EE-A9B2C72DF0C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V$4</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産業 (並換)'!$M$13:$V$13</c:f>
              <c:numCache>
                <c:formatCode>0.00_);[Red]\(0.00\)</c:formatCode>
                <c:ptCount val="10"/>
                <c:pt idx="0">
                  <c:v>1.35</c:v>
                </c:pt>
                <c:pt idx="1">
                  <c:v>1.39</c:v>
                </c:pt>
                <c:pt idx="2">
                  <c:v>1.42</c:v>
                </c:pt>
                <c:pt idx="3">
                  <c:v>1.48</c:v>
                </c:pt>
                <c:pt idx="4">
                  <c:v>1.54</c:v>
                </c:pt>
                <c:pt idx="5">
                  <c:v>1.59</c:v>
                </c:pt>
                <c:pt idx="6">
                  <c:v>1.63</c:v>
                </c:pt>
                <c:pt idx="7">
                  <c:v>1.66</c:v>
                </c:pt>
                <c:pt idx="8">
                  <c:v>1.7</c:v>
                </c:pt>
                <c:pt idx="9">
                  <c:v>1.74</c:v>
                </c:pt>
              </c:numCache>
            </c:numRef>
          </c:val>
          <c:smooth val="0"/>
          <c:extLst>
            <c:ext xmlns:c16="http://schemas.microsoft.com/office/drawing/2014/chart" uri="{C3380CC4-5D6E-409C-BE32-E72D297353CC}">
              <c16:uniqueId val="{00000011-4B13-4FDA-83EE-A9B2C72DF0C7}"/>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2.8"/>
          <c:min val="1.3"/>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9278345739524314"/>
          <c:y val="7.1747591609364003E-2"/>
          <c:w val="0.20190145013740701"/>
          <c:h val="0.81101017187531865"/>
        </c:manualLayout>
      </c:layout>
      <c:overlay val="0"/>
      <c:txPr>
        <a:bodyPr/>
        <a:lstStyle/>
        <a:p>
          <a:pPr>
            <a:defRPr sz="1050"/>
          </a:pPr>
          <a:endParaRPr lang="ja-JP"/>
        </a:p>
      </c:txPr>
    </c:legend>
    <c:plotVisOnly val="1"/>
    <c:dispBlanksAs val="gap"/>
    <c:showDLblsOverMax val="0"/>
  </c:chart>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グラフ!$B$2</c:f>
              <c:strCache>
                <c:ptCount val="1"/>
                <c:pt idx="0">
                  <c:v>大阪</c:v>
                </c:pt>
              </c:strCache>
            </c:strRef>
          </c:tx>
          <c:marker>
            <c:symbol val="circle"/>
            <c:size val="7"/>
          </c:marker>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10:$B$19</c:f>
              <c:numCache>
                <c:formatCode>0.0%</c:formatCode>
                <c:ptCount val="10"/>
                <c:pt idx="0">
                  <c:v>0.53196527229676405</c:v>
                </c:pt>
                <c:pt idx="1">
                  <c:v>0.53597264237800868</c:v>
                </c:pt>
                <c:pt idx="2">
                  <c:v>0.53636363636363638</c:v>
                </c:pt>
                <c:pt idx="3">
                  <c:v>0.5457376411054885</c:v>
                </c:pt>
                <c:pt idx="4">
                  <c:v>0.54647996888370287</c:v>
                </c:pt>
                <c:pt idx="5">
                  <c:v>0.54703291008033172</c:v>
                </c:pt>
                <c:pt idx="6">
                  <c:v>0.55371472948485634</c:v>
                </c:pt>
                <c:pt idx="7">
                  <c:v>0.55987096774193545</c:v>
                </c:pt>
                <c:pt idx="8">
                  <c:v>0.57021276595744685</c:v>
                </c:pt>
                <c:pt idx="9">
                  <c:v>0.59007731958762888</c:v>
                </c:pt>
              </c:numCache>
            </c:numRef>
          </c:val>
          <c:smooth val="0"/>
          <c:extLst>
            <c:ext xmlns:c16="http://schemas.microsoft.com/office/drawing/2014/chart" uri="{C3380CC4-5D6E-409C-BE32-E72D297353CC}">
              <c16:uniqueId val="{00000001-8183-4A17-9102-513D827AF466}"/>
            </c:ext>
          </c:extLst>
        </c:ser>
        <c:ser>
          <c:idx val="1"/>
          <c:order val="1"/>
          <c:tx>
            <c:strRef>
              <c:f>グラフ!$C$2</c:f>
              <c:strCache>
                <c:ptCount val="1"/>
                <c:pt idx="0">
                  <c:v>全国</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C$10:$C$19</c:f>
              <c:numCache>
                <c:formatCode>0.0%</c:formatCode>
                <c:ptCount val="10"/>
                <c:pt idx="0">
                  <c:v>0.56629559236129967</c:v>
                </c:pt>
                <c:pt idx="1">
                  <c:v>0.56601566015660154</c:v>
                </c:pt>
                <c:pt idx="2">
                  <c:v>0.56496666065957835</c:v>
                </c:pt>
                <c:pt idx="3">
                  <c:v>0.56917388167388172</c:v>
                </c:pt>
                <c:pt idx="4">
                  <c:v>0.57319494584837549</c:v>
                </c:pt>
                <c:pt idx="5">
                  <c:v>0.57560711383948726</c:v>
                </c:pt>
                <c:pt idx="6">
                  <c:v>0.58133237046398267</c:v>
                </c:pt>
                <c:pt idx="7">
                  <c:v>0.58786460208858482</c:v>
                </c:pt>
                <c:pt idx="8">
                  <c:v>0.6003062787136294</c:v>
                </c:pt>
                <c:pt idx="9">
                  <c:v>0.60620266858997474</c:v>
                </c:pt>
              </c:numCache>
            </c:numRef>
          </c:val>
          <c:smooth val="0"/>
          <c:extLst>
            <c:ext xmlns:c16="http://schemas.microsoft.com/office/drawing/2014/chart" uri="{C3380CC4-5D6E-409C-BE32-E72D297353CC}">
              <c16:uniqueId val="{00000003-8183-4A17-9102-513D827AF466}"/>
            </c:ext>
          </c:extLst>
        </c:ser>
        <c:ser>
          <c:idx val="0"/>
          <c:order val="2"/>
          <c:tx>
            <c:strRef>
              <c:f>グラフ!$D$2</c:f>
              <c:strCache>
                <c:ptCount val="1"/>
                <c:pt idx="0">
                  <c:v>東京</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D$10:$D$19</c:f>
              <c:numCache>
                <c:formatCode>0.0%</c:formatCode>
                <c:ptCount val="10"/>
                <c:pt idx="0">
                  <c:v>0.59079733052335792</c:v>
                </c:pt>
                <c:pt idx="1">
                  <c:v>0.59464426358624312</c:v>
                </c:pt>
                <c:pt idx="2">
                  <c:v>0.60272804774083544</c:v>
                </c:pt>
                <c:pt idx="3">
                  <c:v>0.60827105978260865</c:v>
                </c:pt>
                <c:pt idx="4">
                  <c:v>0.61756756756756759</c:v>
                </c:pt>
                <c:pt idx="5">
                  <c:v>0.6205450733752621</c:v>
                </c:pt>
                <c:pt idx="6">
                  <c:v>0.6229317369252515</c:v>
                </c:pt>
                <c:pt idx="7">
                  <c:v>0.63184734331304493</c:v>
                </c:pt>
                <c:pt idx="8">
                  <c:v>0.64664109052322261</c:v>
                </c:pt>
                <c:pt idx="9">
                  <c:v>0.65308271895001213</c:v>
                </c:pt>
              </c:numCache>
            </c:numRef>
          </c:val>
          <c:smooth val="0"/>
          <c:extLst>
            <c:ext xmlns:c16="http://schemas.microsoft.com/office/drawing/2014/chart" uri="{C3380CC4-5D6E-409C-BE32-E72D297353CC}">
              <c16:uniqueId val="{00000005-8183-4A17-9102-513D827AF466}"/>
            </c:ext>
          </c:extLst>
        </c:ser>
        <c:ser>
          <c:idx val="4"/>
          <c:order val="3"/>
          <c:tx>
            <c:strRef>
              <c:f>グラフ!$E$2</c:f>
              <c:strCache>
                <c:ptCount val="1"/>
                <c:pt idx="0">
                  <c:v>神奈川</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E$10:$E$19</c:f>
              <c:numCache>
                <c:formatCode>0.0%</c:formatCode>
                <c:ptCount val="10"/>
                <c:pt idx="0">
                  <c:v>0.57723995880535528</c:v>
                </c:pt>
                <c:pt idx="1">
                  <c:v>0.57809124412250601</c:v>
                </c:pt>
                <c:pt idx="2">
                  <c:v>0.57534246575342463</c:v>
                </c:pt>
                <c:pt idx="3">
                  <c:v>0.58321731426401724</c:v>
                </c:pt>
                <c:pt idx="4">
                  <c:v>0.58649842271293373</c:v>
                </c:pt>
                <c:pt idx="5">
                  <c:v>0.58493650194895008</c:v>
                </c:pt>
                <c:pt idx="6">
                  <c:v>0.59701866466240761</c:v>
                </c:pt>
                <c:pt idx="7">
                  <c:v>0.60410958904109591</c:v>
                </c:pt>
                <c:pt idx="8">
                  <c:v>0.61558506018116388</c:v>
                </c:pt>
                <c:pt idx="9">
                  <c:v>0.62900234886883422</c:v>
                </c:pt>
              </c:numCache>
            </c:numRef>
          </c:val>
          <c:smooth val="0"/>
          <c:extLst>
            <c:ext xmlns:c16="http://schemas.microsoft.com/office/drawing/2014/chart" uri="{C3380CC4-5D6E-409C-BE32-E72D297353CC}">
              <c16:uniqueId val="{00000007-8183-4A17-9102-513D827AF466}"/>
            </c:ext>
          </c:extLst>
        </c:ser>
        <c:ser>
          <c:idx val="2"/>
          <c:order val="4"/>
          <c:tx>
            <c:strRef>
              <c:f>グラフ!$F$2</c:f>
              <c:strCache>
                <c:ptCount val="1"/>
                <c:pt idx="0">
                  <c:v>愛知</c:v>
                </c:pt>
              </c:strCache>
            </c:strRef>
          </c:tx>
          <c:dLbls>
            <c:dLbl>
              <c:idx val="9"/>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183-4A17-9102-513D827AF466}"/>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A$10:$A$19</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F$10:$F$19</c:f>
              <c:numCache>
                <c:formatCode>0.0%</c:formatCode>
                <c:ptCount val="10"/>
                <c:pt idx="0">
                  <c:v>0.59892795207315153</c:v>
                </c:pt>
                <c:pt idx="1">
                  <c:v>0.60053577056413487</c:v>
                </c:pt>
                <c:pt idx="2">
                  <c:v>0.59400031411967957</c:v>
                </c:pt>
                <c:pt idx="3">
                  <c:v>0.604698512137823</c:v>
                </c:pt>
                <c:pt idx="4">
                  <c:v>0.60995785859216478</c:v>
                </c:pt>
                <c:pt idx="5">
                  <c:v>0.60451010886469669</c:v>
                </c:pt>
                <c:pt idx="6">
                  <c:v>0.60563816604708798</c:v>
                </c:pt>
                <c:pt idx="7">
                  <c:v>0.6092837380879188</c:v>
                </c:pt>
                <c:pt idx="8">
                  <c:v>0.62515318627450978</c:v>
                </c:pt>
                <c:pt idx="9">
                  <c:v>0.63343511450381684</c:v>
                </c:pt>
              </c:numCache>
            </c:numRef>
          </c:val>
          <c:smooth val="0"/>
          <c:extLst>
            <c:ext xmlns:c16="http://schemas.microsoft.com/office/drawing/2014/chart" uri="{C3380CC4-5D6E-409C-BE32-E72D297353CC}">
              <c16:uniqueId val="{00000009-8183-4A17-9102-513D827AF466}"/>
            </c:ext>
          </c:extLst>
        </c:ser>
        <c:dLbls>
          <c:showLegendKey val="0"/>
          <c:showVal val="0"/>
          <c:showCatName val="0"/>
          <c:showSerName val="0"/>
          <c:showPercent val="0"/>
          <c:showBubbleSize val="0"/>
        </c:dLbls>
        <c:marker val="1"/>
        <c:smooth val="0"/>
        <c:axId val="112584576"/>
        <c:axId val="112586112"/>
      </c:lineChart>
      <c:catAx>
        <c:axId val="112584576"/>
        <c:scaling>
          <c:orientation val="minMax"/>
        </c:scaling>
        <c:delete val="0"/>
        <c:axPos val="b"/>
        <c:numFmt formatCode="General" sourceLinked="1"/>
        <c:majorTickMark val="out"/>
        <c:minorTickMark val="none"/>
        <c:tickLblPos val="nextTo"/>
        <c:crossAx val="112586112"/>
        <c:crosses val="autoZero"/>
        <c:auto val="1"/>
        <c:lblAlgn val="ctr"/>
        <c:lblOffset val="100"/>
        <c:noMultiLvlLbl val="0"/>
      </c:catAx>
      <c:valAx>
        <c:axId val="112586112"/>
        <c:scaling>
          <c:orientation val="minMax"/>
          <c:min val="0.52"/>
        </c:scaling>
        <c:delete val="0"/>
        <c:axPos val="l"/>
        <c:majorGridlines/>
        <c:numFmt formatCode="0.0%" sourceLinked="1"/>
        <c:majorTickMark val="out"/>
        <c:minorTickMark val="none"/>
        <c:tickLblPos val="nextTo"/>
        <c:crossAx val="112584576"/>
        <c:crosses val="autoZero"/>
        <c:crossBetween val="between"/>
        <c:minorUnit val="1.0000000000000002E-2"/>
      </c:valAx>
    </c:plotArea>
    <c:legend>
      <c:legendPos val="r"/>
      <c:overlay val="0"/>
    </c:legend>
    <c:plotVisOnly val="1"/>
    <c:dispBlanksAs val="gap"/>
    <c:showDLblsOverMax val="0"/>
  </c:chart>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155374183852536E-2"/>
          <c:y val="4.8219428802800383E-2"/>
          <c:w val="0.8868702215356199"/>
          <c:h val="0.87919363513721283"/>
        </c:manualLayout>
      </c:layout>
      <c:lineChart>
        <c:grouping val="standard"/>
        <c:varyColors val="0"/>
        <c:ser>
          <c:idx val="0"/>
          <c:order val="0"/>
          <c:tx>
            <c:strRef>
              <c:f>Sheet1!$B$22</c:f>
              <c:strCache>
                <c:ptCount val="1"/>
                <c:pt idx="0">
                  <c:v>医療・福祉</c:v>
                </c:pt>
              </c:strCache>
            </c:strRef>
          </c:tx>
          <c:spPr>
            <a:ln w="34925"/>
          </c:spPr>
          <c:dLbls>
            <c:dLbl>
              <c:idx val="6"/>
              <c:layout>
                <c:manualLayout>
                  <c:x val="-9.5336742788990556E-2"/>
                  <c:y val="-0.10020788316314848"/>
                </c:manualLayout>
              </c:layout>
              <c:tx>
                <c:rich>
                  <a:bodyPr/>
                  <a:lstStyle/>
                  <a:p>
                    <a:r>
                      <a:rPr lang="ja-JP" altLang="en-US"/>
                      <a:t>医療・福祉</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942-44BC-A4FE-0C4333D6B381}"/>
                </c:ext>
              </c:extLst>
            </c:dLbl>
            <c:dLbl>
              <c:idx val="8"/>
              <c:layout>
                <c:manualLayout>
                  <c:x val="-1.3633528604109293E-2"/>
                  <c:y val="1.06973912965350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2:$K$22</c:f>
              <c:numCache>
                <c:formatCode>0.0%</c:formatCode>
                <c:ptCount val="9"/>
                <c:pt idx="0">
                  <c:v>0.2485685015458354</c:v>
                </c:pt>
                <c:pt idx="1">
                  <c:v>0.23363574285435568</c:v>
                </c:pt>
                <c:pt idx="2">
                  <c:v>0.21577572672679016</c:v>
                </c:pt>
                <c:pt idx="3">
                  <c:v>0.2042902117729877</c:v>
                </c:pt>
                <c:pt idx="4">
                  <c:v>0.17778189417137963</c:v>
                </c:pt>
                <c:pt idx="5">
                  <c:v>0.15320632664307823</c:v>
                </c:pt>
                <c:pt idx="6">
                  <c:v>0.13538814474950048</c:v>
                </c:pt>
                <c:pt idx="7">
                  <c:v>0.12426253531148221</c:v>
                </c:pt>
                <c:pt idx="8">
                  <c:v>0.11298154076585659</c:v>
                </c:pt>
              </c:numCache>
            </c:numRef>
          </c:val>
          <c:smooth val="0"/>
          <c:extLst>
            <c:ext xmlns:c16="http://schemas.microsoft.com/office/drawing/2014/chart" uri="{C3380CC4-5D6E-409C-BE32-E72D297353CC}">
              <c16:uniqueId val="{00000002-D942-44BC-A4FE-0C4333D6B381}"/>
            </c:ext>
          </c:extLst>
        </c:ser>
        <c:ser>
          <c:idx val="2"/>
          <c:order val="2"/>
          <c:tx>
            <c:strRef>
              <c:f>Sheet1!$B$24</c:f>
              <c:strCache>
                <c:ptCount val="1"/>
                <c:pt idx="0">
                  <c:v>卸売業・小売業</c:v>
                </c:pt>
              </c:strCache>
            </c:strRef>
          </c:tx>
          <c:spPr>
            <a:ln w="19050"/>
          </c:spPr>
          <c:dLbls>
            <c:dLbl>
              <c:idx val="7"/>
              <c:layout>
                <c:manualLayout>
                  <c:x val="-8.009704764327831E-2"/>
                  <c:y val="-7.739576641614368E-2"/>
                </c:manualLayout>
              </c:layout>
              <c:tx>
                <c:rich>
                  <a:bodyPr/>
                  <a:lstStyle/>
                  <a:p>
                    <a:r>
                      <a:rPr lang="ja-JP" altLang="en-US"/>
                      <a:t>卸売業・小売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942-44BC-A4FE-0C4333D6B381}"/>
                </c:ext>
              </c:extLst>
            </c:dLbl>
            <c:dLbl>
              <c:idx val="8"/>
              <c:layout>
                <c:manualLayout>
                  <c:x val="-1.5337719679622813E-2"/>
                  <c:y val="-3.20921738896051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4:$K$24</c:f>
              <c:numCache>
                <c:formatCode>0.0%</c:formatCode>
                <c:ptCount val="9"/>
                <c:pt idx="0">
                  <c:v>0.29725371892229274</c:v>
                </c:pt>
                <c:pt idx="1">
                  <c:v>0.2783193392822369</c:v>
                </c:pt>
                <c:pt idx="2">
                  <c:v>0.24437538723667906</c:v>
                </c:pt>
                <c:pt idx="3">
                  <c:v>0.21614369029303374</c:v>
                </c:pt>
                <c:pt idx="4">
                  <c:v>0.18681681554548918</c:v>
                </c:pt>
                <c:pt idx="5">
                  <c:v>0.15661465845024256</c:v>
                </c:pt>
                <c:pt idx="6">
                  <c:v>0.14768393286177522</c:v>
                </c:pt>
                <c:pt idx="7">
                  <c:v>0.13383121974087275</c:v>
                </c:pt>
                <c:pt idx="8">
                  <c:v>0.1233776742078519</c:v>
                </c:pt>
              </c:numCache>
            </c:numRef>
          </c:val>
          <c:smooth val="0"/>
          <c:extLst>
            <c:ext xmlns:c16="http://schemas.microsoft.com/office/drawing/2014/chart" uri="{C3380CC4-5D6E-409C-BE32-E72D297353CC}">
              <c16:uniqueId val="{00000005-D942-44BC-A4FE-0C4333D6B381}"/>
            </c:ext>
          </c:extLst>
        </c:ser>
        <c:ser>
          <c:idx val="3"/>
          <c:order val="3"/>
          <c:tx>
            <c:strRef>
              <c:f>Sheet1!$B$25</c:f>
              <c:strCache>
                <c:ptCount val="1"/>
                <c:pt idx="0">
                  <c:v>宿泊業・飲食サービス業</c:v>
                </c:pt>
              </c:strCache>
            </c:strRef>
          </c:tx>
          <c:spPr>
            <a:ln w="19050"/>
          </c:spPr>
          <c:dLbls>
            <c:dLbl>
              <c:idx val="5"/>
              <c:layout>
                <c:manualLayout>
                  <c:x val="-0.11015045725996134"/>
                  <c:y val="5.8835652130942807E-2"/>
                </c:manualLayout>
              </c:layout>
              <c:tx>
                <c:rich>
                  <a:bodyPr/>
                  <a:lstStyle/>
                  <a:p>
                    <a:r>
                      <a:rPr lang="ja-JP" altLang="en-US"/>
                      <a:t>宿泊業・飲食サービス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942-44BC-A4FE-0C4333D6B381}"/>
                </c:ext>
              </c:extLst>
            </c:dLbl>
            <c:dLbl>
              <c:idx val="8"/>
              <c:layout>
                <c:manualLayout>
                  <c:x val="-3.4083821510272915E-3"/>
                  <c:y val="-7.131594197690037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5:$K$25</c:f>
              <c:numCache>
                <c:formatCode>0.0%</c:formatCode>
                <c:ptCount val="9"/>
                <c:pt idx="0">
                  <c:v>0.19674273650346838</c:v>
                </c:pt>
                <c:pt idx="1">
                  <c:v>0.1792090547732938</c:v>
                </c:pt>
                <c:pt idx="2">
                  <c:v>0.12926844763508147</c:v>
                </c:pt>
                <c:pt idx="3">
                  <c:v>0.11390052510472594</c:v>
                </c:pt>
                <c:pt idx="4">
                  <c:v>0.11914983575633395</c:v>
                </c:pt>
                <c:pt idx="5">
                  <c:v>8.9936930623686059E-2</c:v>
                </c:pt>
                <c:pt idx="6">
                  <c:v>7.7461560382104055E-2</c:v>
                </c:pt>
                <c:pt idx="7">
                  <c:v>6.6088691643444455E-2</c:v>
                </c:pt>
                <c:pt idx="8">
                  <c:v>5.7469996470172958E-2</c:v>
                </c:pt>
              </c:numCache>
            </c:numRef>
          </c:val>
          <c:smooth val="0"/>
          <c:extLst>
            <c:ext xmlns:c16="http://schemas.microsoft.com/office/drawing/2014/chart" uri="{C3380CC4-5D6E-409C-BE32-E72D297353CC}">
              <c16:uniqueId val="{00000008-D942-44BC-A4FE-0C4333D6B381}"/>
            </c:ext>
          </c:extLst>
        </c:ser>
        <c:ser>
          <c:idx val="4"/>
          <c:order val="4"/>
          <c:tx>
            <c:strRef>
              <c:f>Sheet1!$B$26</c:f>
              <c:strCache>
                <c:ptCount val="1"/>
                <c:pt idx="0">
                  <c:v>建設業</c:v>
                </c:pt>
              </c:strCache>
            </c:strRef>
          </c:tx>
          <c:spPr>
            <a:ln w="19050"/>
          </c:spPr>
          <c:marker>
            <c:symbol val="circle"/>
            <c:size val="5"/>
          </c:marker>
          <c:dLbls>
            <c:dLbl>
              <c:idx val="6"/>
              <c:layout>
                <c:manualLayout>
                  <c:x val="-8.4357458237925467E-2"/>
                  <c:y val="2.6743478241337638E-2"/>
                </c:manualLayout>
              </c:layout>
              <c:tx>
                <c:rich>
                  <a:bodyPr/>
                  <a:lstStyle/>
                  <a:p>
                    <a:r>
                      <a:rPr lang="ja-JP" altLang="en-US"/>
                      <a:t>建設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942-44BC-A4FE-0C4333D6B381}"/>
                </c:ext>
              </c:extLst>
            </c:dLbl>
            <c:dLbl>
              <c:idx val="8"/>
              <c:layout>
                <c:manualLayout>
                  <c:x val="-5.1125732265410624E-3"/>
                  <c:y val="-3.565797098845018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6:$K$26</c:f>
              <c:numCache>
                <c:formatCode>0.0%</c:formatCode>
                <c:ptCount val="9"/>
                <c:pt idx="0">
                  <c:v>0.27096300645918969</c:v>
                </c:pt>
                <c:pt idx="1">
                  <c:v>0.23294692469821804</c:v>
                </c:pt>
                <c:pt idx="2">
                  <c:v>0.19546676260819876</c:v>
                </c:pt>
                <c:pt idx="3">
                  <c:v>0.15330761537362481</c:v>
                </c:pt>
                <c:pt idx="4">
                  <c:v>0.14730219256434698</c:v>
                </c:pt>
                <c:pt idx="5">
                  <c:v>0.12120803299541302</c:v>
                </c:pt>
                <c:pt idx="6">
                  <c:v>0.10991126430038134</c:v>
                </c:pt>
                <c:pt idx="7">
                  <c:v>9.4965213591906697E-2</c:v>
                </c:pt>
                <c:pt idx="8">
                  <c:v>7.857142857142857E-2</c:v>
                </c:pt>
              </c:numCache>
            </c:numRef>
          </c:val>
          <c:smooth val="0"/>
          <c:extLst>
            <c:ext xmlns:c16="http://schemas.microsoft.com/office/drawing/2014/chart" uri="{C3380CC4-5D6E-409C-BE32-E72D297353CC}">
              <c16:uniqueId val="{0000000B-D942-44BC-A4FE-0C4333D6B381}"/>
            </c:ext>
          </c:extLst>
        </c:ser>
        <c:dLbls>
          <c:showLegendKey val="0"/>
          <c:showVal val="0"/>
          <c:showCatName val="0"/>
          <c:showSerName val="0"/>
          <c:showPercent val="0"/>
          <c:showBubbleSize val="0"/>
        </c:dLbls>
        <c:marker val="1"/>
        <c:smooth val="0"/>
        <c:axId val="112285568"/>
        <c:axId val="112287104"/>
      </c:lineChart>
      <c:lineChart>
        <c:grouping val="standard"/>
        <c:varyColors val="0"/>
        <c:ser>
          <c:idx val="1"/>
          <c:order val="1"/>
          <c:tx>
            <c:strRef>
              <c:f>Sheet1!$B$23</c:f>
              <c:strCache>
                <c:ptCount val="1"/>
                <c:pt idx="0">
                  <c:v>製造業</c:v>
                </c:pt>
              </c:strCache>
            </c:strRef>
          </c:tx>
          <c:dLbls>
            <c:dLbl>
              <c:idx val="7"/>
              <c:layout>
                <c:manualLayout>
                  <c:x val="-7.3280216247086902E-2"/>
                  <c:y val="-9.9842318767660518E-2"/>
                </c:manualLayout>
              </c:layout>
              <c:tx>
                <c:rich>
                  <a:bodyPr/>
                  <a:lstStyle/>
                  <a:p>
                    <a:r>
                      <a:rPr lang="zh-TW" altLang="en-US"/>
                      <a:t>製造業</a:t>
                    </a:r>
                  </a:p>
                  <a:p>
                    <a:r>
                      <a:rPr lang="zh-TW" altLang="en-US"/>
                      <a:t>（右目盛）</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942-44BC-A4FE-0C4333D6B381}"/>
                </c:ext>
              </c:extLst>
            </c:dLbl>
            <c:dLbl>
              <c:idx val="8"/>
              <c:layout>
                <c:manualLayout>
                  <c:x val="-1.0225146453082E-2"/>
                  <c:y val="7.131594197690037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3:$K$23</c:f>
              <c:numCache>
                <c:formatCode>0.0%</c:formatCode>
                <c:ptCount val="9"/>
                <c:pt idx="0">
                  <c:v>0.52413821354689383</c:v>
                </c:pt>
                <c:pt idx="1">
                  <c:v>0.4991430061852597</c:v>
                </c:pt>
                <c:pt idx="2">
                  <c:v>0.46755201892574871</c:v>
                </c:pt>
                <c:pt idx="3">
                  <c:v>0.43514597548698447</c:v>
                </c:pt>
                <c:pt idx="4">
                  <c:v>0.397089270490805</c:v>
                </c:pt>
                <c:pt idx="5">
                  <c:v>0.33913491406896334</c:v>
                </c:pt>
                <c:pt idx="6">
                  <c:v>0.31064406779661019</c:v>
                </c:pt>
                <c:pt idx="7">
                  <c:v>0.27893934444081453</c:v>
                </c:pt>
                <c:pt idx="8">
                  <c:v>0.24251376218425061</c:v>
                </c:pt>
              </c:numCache>
            </c:numRef>
          </c:val>
          <c:smooth val="0"/>
          <c:extLst>
            <c:ext xmlns:c16="http://schemas.microsoft.com/office/drawing/2014/chart" uri="{C3380CC4-5D6E-409C-BE32-E72D297353CC}">
              <c16:uniqueId val="{0000000E-D942-44BC-A4FE-0C4333D6B381}"/>
            </c:ext>
          </c:extLst>
        </c:ser>
        <c:ser>
          <c:idx val="5"/>
          <c:order val="5"/>
          <c:tx>
            <c:strRef>
              <c:f>Sheet1!$B$27</c:f>
              <c:strCache>
                <c:ptCount val="1"/>
                <c:pt idx="0">
                  <c:v>全産業</c:v>
                </c:pt>
              </c:strCache>
            </c:strRef>
          </c:tx>
          <c:dLbls>
            <c:dLbl>
              <c:idx val="7"/>
              <c:layout>
                <c:manualLayout>
                  <c:x val="-5.1977827803166322E-2"/>
                  <c:y val="-6.9533043427477861E-2"/>
                </c:manualLayout>
              </c:layout>
              <c:tx>
                <c:rich>
                  <a:bodyPr/>
                  <a:lstStyle/>
                  <a:p>
                    <a:r>
                      <a:rPr lang="ja-JP" altLang="en-US"/>
                      <a:t>全産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942-44BC-A4FE-0C4333D6B381}"/>
                </c:ext>
              </c:extLst>
            </c:dLbl>
            <c:dLbl>
              <c:idx val="8"/>
              <c:layout>
                <c:manualLayout>
                  <c:x val="-1.0225146453082E-2"/>
                  <c:y val="6.5372191627022575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942-44BC-A4FE-0C4333D6B381}"/>
                </c:ext>
              </c:extLst>
            </c:dLbl>
            <c:spPr>
              <a:noFill/>
              <a:ln>
                <a:noFill/>
              </a:ln>
              <a:effectLst/>
            </c:spPr>
            <c:txPr>
              <a:bodyPr wrap="square" lIns="38100" tIns="19050" rIns="38100" bIns="19050" anchor="ctr">
                <a:spAutoFit/>
              </a:bodyPr>
              <a:lstStyle/>
              <a:p>
                <a:pPr>
                  <a:defRPr u="sng"/>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7:$K$27</c:f>
              <c:numCache>
                <c:formatCode>0.0%</c:formatCode>
                <c:ptCount val="9"/>
                <c:pt idx="0">
                  <c:v>0.28782068955509765</c:v>
                </c:pt>
                <c:pt idx="1">
                  <c:v>0.27018224543418057</c:v>
                </c:pt>
                <c:pt idx="2">
                  <c:v>0.23786359013385802</c:v>
                </c:pt>
                <c:pt idx="3">
                  <c:v>0.21146462680949069</c:v>
                </c:pt>
                <c:pt idx="4">
                  <c:v>0.19503754904267429</c:v>
                </c:pt>
                <c:pt idx="5">
                  <c:v>0.16677553065053188</c:v>
                </c:pt>
                <c:pt idx="6">
                  <c:v>0.1487427110966876</c:v>
                </c:pt>
                <c:pt idx="7">
                  <c:v>0.13319571706491232</c:v>
                </c:pt>
                <c:pt idx="8">
                  <c:v>0.11856779953758569</c:v>
                </c:pt>
              </c:numCache>
            </c:numRef>
          </c:val>
          <c:smooth val="0"/>
          <c:extLst>
            <c:ext xmlns:c16="http://schemas.microsoft.com/office/drawing/2014/chart" uri="{C3380CC4-5D6E-409C-BE32-E72D297353CC}">
              <c16:uniqueId val="{00000011-D942-44BC-A4FE-0C4333D6B381}"/>
            </c:ext>
          </c:extLst>
        </c:ser>
        <c:dLbls>
          <c:showLegendKey val="0"/>
          <c:showVal val="0"/>
          <c:showCatName val="0"/>
          <c:showSerName val="0"/>
          <c:showPercent val="0"/>
          <c:showBubbleSize val="0"/>
        </c:dLbls>
        <c:marker val="1"/>
        <c:smooth val="0"/>
        <c:axId val="118356992"/>
        <c:axId val="118354688"/>
      </c:lineChart>
      <c:catAx>
        <c:axId val="112285568"/>
        <c:scaling>
          <c:orientation val="minMax"/>
        </c:scaling>
        <c:delete val="0"/>
        <c:axPos val="b"/>
        <c:numFmt formatCode="General" sourceLinked="1"/>
        <c:majorTickMark val="none"/>
        <c:minorTickMark val="none"/>
        <c:tickLblPos val="nextTo"/>
        <c:crossAx val="112287104"/>
        <c:crosses val="autoZero"/>
        <c:auto val="1"/>
        <c:lblAlgn val="ctr"/>
        <c:lblOffset val="100"/>
        <c:noMultiLvlLbl val="0"/>
      </c:catAx>
      <c:valAx>
        <c:axId val="112287104"/>
        <c:scaling>
          <c:orientation val="minMax"/>
          <c:max val="0.4"/>
          <c:min val="5.000000000000001E-2"/>
        </c:scaling>
        <c:delete val="0"/>
        <c:axPos val="l"/>
        <c:majorGridlines/>
        <c:numFmt formatCode="0%" sourceLinked="0"/>
        <c:majorTickMark val="none"/>
        <c:minorTickMark val="none"/>
        <c:tickLblPos val="nextTo"/>
        <c:spPr>
          <a:ln w="9525">
            <a:noFill/>
          </a:ln>
        </c:spPr>
        <c:crossAx val="112285568"/>
        <c:crosses val="autoZero"/>
        <c:crossBetween val="between"/>
      </c:valAx>
      <c:valAx>
        <c:axId val="118354688"/>
        <c:scaling>
          <c:orientation val="minMax"/>
          <c:min val="-0.2"/>
        </c:scaling>
        <c:delete val="0"/>
        <c:axPos val="r"/>
        <c:numFmt formatCode="0%" sourceLinked="0"/>
        <c:majorTickMark val="out"/>
        <c:minorTickMark val="none"/>
        <c:tickLblPos val="nextTo"/>
        <c:crossAx val="118356992"/>
        <c:crosses val="max"/>
        <c:crossBetween val="between"/>
      </c:valAx>
      <c:catAx>
        <c:axId val="118356992"/>
        <c:scaling>
          <c:orientation val="minMax"/>
        </c:scaling>
        <c:delete val="1"/>
        <c:axPos val="b"/>
        <c:numFmt formatCode="General" sourceLinked="1"/>
        <c:majorTickMark val="out"/>
        <c:minorTickMark val="none"/>
        <c:tickLblPos val="nextTo"/>
        <c:crossAx val="118354688"/>
        <c:crosses val="autoZero"/>
        <c:auto val="1"/>
        <c:lblAlgn val="ctr"/>
        <c:lblOffset val="100"/>
        <c:noMultiLvlLbl val="0"/>
      </c:catAx>
    </c:plotArea>
    <c:plotVisOnly val="1"/>
    <c:dispBlanksAs val="gap"/>
    <c:showDLblsOverMax val="0"/>
  </c:chart>
  <c:externalData r:id="rId1">
    <c:autoUpdate val="0"/>
  </c:externalData>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percentStacked"/>
        <c:varyColors val="0"/>
        <c:ser>
          <c:idx val="4"/>
          <c:order val="0"/>
          <c:tx>
            <c:strRef>
              <c:f>'201106更新版29（業種別雇用者と非正規割合）'!$L$8</c:f>
              <c:strCache>
                <c:ptCount val="1"/>
                <c:pt idx="0">
                  <c:v>非正規割合（全国）</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L$9:$L$29</c:f>
              <c:numCache>
                <c:formatCode>0.0%</c:formatCode>
                <c:ptCount val="21"/>
                <c:pt idx="0">
                  <c:v>0.38191133858888171</c:v>
                </c:pt>
                <c:pt idx="1">
                  <c:v>0.51146016989902232</c:v>
                </c:pt>
                <c:pt idx="2">
                  <c:v>0.38907284768211919</c:v>
                </c:pt>
                <c:pt idx="3">
                  <c:v>0.15178571428571427</c:v>
                </c:pt>
                <c:pt idx="4">
                  <c:v>0.18362416107382551</c:v>
                </c:pt>
                <c:pt idx="5">
                  <c:v>0.26646475195822455</c:v>
                </c:pt>
                <c:pt idx="6">
                  <c:v>0.14418350628072091</c:v>
                </c:pt>
                <c:pt idx="7">
                  <c:v>0.18256379100850548</c:v>
                </c:pt>
                <c:pt idx="8">
                  <c:v>0.31799280912927935</c:v>
                </c:pt>
                <c:pt idx="9">
                  <c:v>0.50067221436684362</c:v>
                </c:pt>
                <c:pt idx="10">
                  <c:v>0.22840343735866123</c:v>
                </c:pt>
                <c:pt idx="11">
                  <c:v>0.39777993318245503</c:v>
                </c:pt>
                <c:pt idx="12">
                  <c:v>0.2468114844796459</c:v>
                </c:pt>
                <c:pt idx="13">
                  <c:v>0.74353806781829812</c:v>
                </c:pt>
                <c:pt idx="14">
                  <c:v>0.57160314227524001</c:v>
                </c:pt>
                <c:pt idx="15">
                  <c:v>0.39411623356561737</c:v>
                </c:pt>
                <c:pt idx="16">
                  <c:v>0.39131962519521085</c:v>
                </c:pt>
                <c:pt idx="17">
                  <c:v>0.32998885172798215</c:v>
                </c:pt>
                <c:pt idx="18">
                  <c:v>0.51350843269953805</c:v>
                </c:pt>
                <c:pt idx="19">
                  <c:v>0.16449497530233351</c:v>
                </c:pt>
                <c:pt idx="20">
                  <c:v>0.54575382211806722</c:v>
                </c:pt>
              </c:numCache>
            </c:numRef>
          </c:val>
          <c:extLst>
            <c:ext xmlns:c16="http://schemas.microsoft.com/office/drawing/2014/chart" uri="{C3380CC4-5D6E-409C-BE32-E72D297353CC}">
              <c16:uniqueId val="{00000000-235B-4CF7-A930-22D9923FBB7A}"/>
            </c:ext>
          </c:extLst>
        </c:ser>
        <c:ser>
          <c:idx val="2"/>
          <c:order val="1"/>
          <c:tx>
            <c:strRef>
              <c:f>'201106更新版29（業種別雇用者と非正規割合）'!$K$8</c:f>
              <c:strCache>
                <c:ptCount val="1"/>
                <c:pt idx="0">
                  <c:v>非正規割合（大阪）</c:v>
                </c:pt>
              </c:strCache>
            </c:strRef>
          </c:tx>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K$9:$K$29</c:f>
              <c:numCache>
                <c:formatCode>0.0%</c:formatCode>
                <c:ptCount val="21"/>
                <c:pt idx="0">
                  <c:v>0.4030387320247717</c:v>
                </c:pt>
                <c:pt idx="1">
                  <c:v>0.5</c:v>
                </c:pt>
                <c:pt idx="2">
                  <c:v>0</c:v>
                </c:pt>
                <c:pt idx="3">
                  <c:v>1</c:v>
                </c:pt>
                <c:pt idx="4">
                  <c:v>0.16796267496111975</c:v>
                </c:pt>
                <c:pt idx="5">
                  <c:v>0.25023255813953488</c:v>
                </c:pt>
                <c:pt idx="6">
                  <c:v>0.14723926380368099</c:v>
                </c:pt>
                <c:pt idx="7">
                  <c:v>0.20476973684210525</c:v>
                </c:pt>
                <c:pt idx="8">
                  <c:v>0.34694686756542426</c:v>
                </c:pt>
                <c:pt idx="9">
                  <c:v>0.49290157919923433</c:v>
                </c:pt>
                <c:pt idx="10">
                  <c:v>0.27392449517120282</c:v>
                </c:pt>
                <c:pt idx="11">
                  <c:v>0.42401215805471126</c:v>
                </c:pt>
                <c:pt idx="12">
                  <c:v>0.31818181818181818</c:v>
                </c:pt>
                <c:pt idx="13">
                  <c:v>0.75097783572359844</c:v>
                </c:pt>
                <c:pt idx="14">
                  <c:v>0.66035950804162724</c:v>
                </c:pt>
                <c:pt idx="15">
                  <c:v>0.43297926150733435</c:v>
                </c:pt>
                <c:pt idx="16">
                  <c:v>0.42156314120499905</c:v>
                </c:pt>
                <c:pt idx="17">
                  <c:v>0.31677018633540371</c:v>
                </c:pt>
                <c:pt idx="18">
                  <c:v>0.55350938151494089</c:v>
                </c:pt>
                <c:pt idx="19">
                  <c:v>0.14722004698512137</c:v>
                </c:pt>
                <c:pt idx="20">
                  <c:v>0.51713770294648231</c:v>
                </c:pt>
              </c:numCache>
            </c:numRef>
          </c:val>
          <c:extLst>
            <c:ext xmlns:c16="http://schemas.microsoft.com/office/drawing/2014/chart" uri="{C3380CC4-5D6E-409C-BE32-E72D297353CC}">
              <c16:uniqueId val="{00000001-235B-4CF7-A930-22D9923FBB7A}"/>
            </c:ext>
          </c:extLst>
        </c:ser>
        <c:ser>
          <c:idx val="1"/>
          <c:order val="2"/>
          <c:tx>
            <c:strRef>
              <c:f>'201106更新版29（業種別雇用者と非正規割合）'!$I$8</c:f>
              <c:strCache>
                <c:ptCount val="1"/>
                <c:pt idx="0">
                  <c:v>非正規総数(人)</c:v>
                </c:pt>
              </c:strCache>
            </c:strRef>
          </c:tx>
          <c:spPr>
            <a:pattFill prst="openDmnd">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I$9:$I$29</c:f>
              <c:numCache>
                <c:formatCode>#,##0_);\(#,##0\)</c:formatCode>
                <c:ptCount val="21"/>
                <c:pt idx="0">
                  <c:v>1535900</c:v>
                </c:pt>
                <c:pt idx="1">
                  <c:v>3400</c:v>
                </c:pt>
                <c:pt idx="3">
                  <c:v>300</c:v>
                </c:pt>
                <c:pt idx="4">
                  <c:v>32400</c:v>
                </c:pt>
                <c:pt idx="5">
                  <c:v>161400</c:v>
                </c:pt>
                <c:pt idx="6">
                  <c:v>2400</c:v>
                </c:pt>
                <c:pt idx="7">
                  <c:v>24900</c:v>
                </c:pt>
                <c:pt idx="8">
                  <c:v>87500</c:v>
                </c:pt>
                <c:pt idx="9">
                  <c:v>309000</c:v>
                </c:pt>
                <c:pt idx="10">
                  <c:v>31200</c:v>
                </c:pt>
                <c:pt idx="11">
                  <c:v>27900</c:v>
                </c:pt>
                <c:pt idx="12">
                  <c:v>32200</c:v>
                </c:pt>
                <c:pt idx="13">
                  <c:v>172800</c:v>
                </c:pt>
                <c:pt idx="14">
                  <c:v>69800</c:v>
                </c:pt>
                <c:pt idx="15">
                  <c:v>85600</c:v>
                </c:pt>
                <c:pt idx="16">
                  <c:v>226000</c:v>
                </c:pt>
                <c:pt idx="17">
                  <c:v>5100</c:v>
                </c:pt>
                <c:pt idx="18">
                  <c:v>159300</c:v>
                </c:pt>
                <c:pt idx="19">
                  <c:v>18800</c:v>
                </c:pt>
                <c:pt idx="20">
                  <c:v>86000</c:v>
                </c:pt>
              </c:numCache>
            </c:numRef>
          </c:val>
          <c:extLst>
            <c:ext xmlns:c16="http://schemas.microsoft.com/office/drawing/2014/chart" uri="{C3380CC4-5D6E-409C-BE32-E72D297353CC}">
              <c16:uniqueId val="{00000002-235B-4CF7-A930-22D9923FBB7A}"/>
            </c:ext>
          </c:extLst>
        </c:ser>
        <c:ser>
          <c:idx val="0"/>
          <c:order val="3"/>
          <c:tx>
            <c:strRef>
              <c:f>'201106更新版29（業種別雇用者と非正規割合）'!$H$8</c:f>
              <c:strCache>
                <c:ptCount val="1"/>
                <c:pt idx="0">
                  <c:v>正規総数(人)</c:v>
                </c:pt>
              </c:strCache>
            </c:strRef>
          </c:tx>
          <c:spPr>
            <a:pattFill prst="pct90">
              <a:fgClr>
                <a:schemeClr val="accent5">
                  <a:lumMod val="75000"/>
                </a:schemeClr>
              </a:fgClr>
              <a:bgClr>
                <a:schemeClr val="bg1"/>
              </a:bgClr>
            </a:pattFill>
            <a:ln>
              <a:solidFill>
                <a:schemeClr val="tx1"/>
              </a:solidFill>
            </a:ln>
          </c:spPr>
          <c:invertIfNegative val="0"/>
          <c:cat>
            <c:strRef>
              <c:f>'201106更新版29（業種別雇用者と非正規割合）'!$G$9:$G$29</c:f>
              <c:strCache>
                <c:ptCount val="21"/>
                <c:pt idx="0">
                  <c:v>総数</c:v>
                </c:pt>
                <c:pt idx="1">
                  <c:v>農業，林業</c:v>
                </c:pt>
                <c:pt idx="2">
                  <c:v>漁業</c:v>
                </c:pt>
                <c:pt idx="3">
                  <c:v>鉱業，採石業，砂利採取業</c:v>
                </c:pt>
                <c:pt idx="4">
                  <c:v>建設業</c:v>
                </c:pt>
                <c:pt idx="5">
                  <c:v>製造業</c:v>
                </c:pt>
                <c:pt idx="6">
                  <c:v>電気・ガス・熱供給・水道業</c:v>
                </c:pt>
                <c:pt idx="7">
                  <c:v>情報通信業</c:v>
                </c:pt>
                <c:pt idx="8">
                  <c:v>運輸業，郵便業</c:v>
                </c:pt>
                <c:pt idx="9">
                  <c:v>卸売業，小売業</c:v>
                </c:pt>
                <c:pt idx="10">
                  <c:v>金融業，保険業</c:v>
                </c:pt>
                <c:pt idx="11">
                  <c:v>不動産業，物品賃貸業</c:v>
                </c:pt>
                <c:pt idx="12">
                  <c:v>学術研究，専門・技術サービス業</c:v>
                </c:pt>
                <c:pt idx="13">
                  <c:v>宿泊業，飲食サービス業</c:v>
                </c:pt>
                <c:pt idx="14">
                  <c:v>生活関連サービス業，娯楽業</c:v>
                </c:pt>
                <c:pt idx="15">
                  <c:v>教育，学習支援業</c:v>
                </c:pt>
                <c:pt idx="16">
                  <c:v>医療，福祉</c:v>
                </c:pt>
                <c:pt idx="17">
                  <c:v>複合サービス事業</c:v>
                </c:pt>
                <c:pt idx="18">
                  <c:v>サービス業（他に分類されないもの）</c:v>
                </c:pt>
                <c:pt idx="19">
                  <c:v>公務（他に分類されるものを除く）</c:v>
                </c:pt>
                <c:pt idx="20">
                  <c:v>分類不能の産業</c:v>
                </c:pt>
              </c:strCache>
            </c:strRef>
          </c:cat>
          <c:val>
            <c:numRef>
              <c:f>'201106更新版29（業種別雇用者と非正規割合）'!$H$9:$H$29</c:f>
              <c:numCache>
                <c:formatCode>#,##0_);\(#,##0\)</c:formatCode>
                <c:ptCount val="21"/>
                <c:pt idx="0">
                  <c:v>2274900</c:v>
                </c:pt>
                <c:pt idx="1">
                  <c:v>3400</c:v>
                </c:pt>
                <c:pt idx="2">
                  <c:v>600</c:v>
                </c:pt>
                <c:pt idx="4">
                  <c:v>160500</c:v>
                </c:pt>
                <c:pt idx="5">
                  <c:v>483600</c:v>
                </c:pt>
                <c:pt idx="6">
                  <c:v>13900</c:v>
                </c:pt>
                <c:pt idx="7">
                  <c:v>96700</c:v>
                </c:pt>
                <c:pt idx="8">
                  <c:v>164700</c:v>
                </c:pt>
                <c:pt idx="9">
                  <c:v>317900</c:v>
                </c:pt>
                <c:pt idx="10">
                  <c:v>82700</c:v>
                </c:pt>
                <c:pt idx="11">
                  <c:v>37900</c:v>
                </c:pt>
                <c:pt idx="12">
                  <c:v>69000</c:v>
                </c:pt>
                <c:pt idx="13">
                  <c:v>57300</c:v>
                </c:pt>
                <c:pt idx="14">
                  <c:v>35900</c:v>
                </c:pt>
                <c:pt idx="15">
                  <c:v>112100</c:v>
                </c:pt>
                <c:pt idx="16">
                  <c:v>310100</c:v>
                </c:pt>
                <c:pt idx="17">
                  <c:v>11000</c:v>
                </c:pt>
                <c:pt idx="18">
                  <c:v>128500</c:v>
                </c:pt>
                <c:pt idx="19">
                  <c:v>108900</c:v>
                </c:pt>
                <c:pt idx="20">
                  <c:v>80300</c:v>
                </c:pt>
              </c:numCache>
            </c:numRef>
          </c:val>
          <c:extLst>
            <c:ext xmlns:c16="http://schemas.microsoft.com/office/drawing/2014/chart" uri="{C3380CC4-5D6E-409C-BE32-E72D297353CC}">
              <c16:uniqueId val="{00000003-235B-4CF7-A930-22D9923FBB7A}"/>
            </c:ext>
          </c:extLst>
        </c:ser>
        <c:dLbls>
          <c:showLegendKey val="0"/>
          <c:showVal val="0"/>
          <c:showCatName val="0"/>
          <c:showSerName val="0"/>
          <c:showPercent val="0"/>
          <c:showBubbleSize val="0"/>
        </c:dLbls>
        <c:gapWidth val="150"/>
        <c:overlap val="100"/>
        <c:axId val="1177474415"/>
        <c:axId val="1"/>
      </c:barChart>
      <c:catAx>
        <c:axId val="1177474415"/>
        <c:scaling>
          <c:orientation val="minMax"/>
        </c:scaling>
        <c:delete val="1"/>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 sourceLinked="1"/>
        <c:majorTickMark val="out"/>
        <c:minorTickMark val="none"/>
        <c:tickLblPos val="nextTo"/>
        <c:txPr>
          <a:bodyPr/>
          <a:lstStyle/>
          <a:p>
            <a:pPr>
              <a:defRPr sz="1100"/>
            </a:pPr>
            <a:endParaRPr lang="ja-JP"/>
          </a:p>
        </c:txPr>
        <c:crossAx val="1177474415"/>
        <c:crosses val="autoZero"/>
        <c:crossBetween val="between"/>
      </c:valAx>
      <c:dTable>
        <c:showHorzBorder val="1"/>
        <c:showVertBorder val="1"/>
        <c:showOutline val="1"/>
        <c:showKeys val="1"/>
        <c:txPr>
          <a:bodyPr/>
          <a:lstStyle/>
          <a:p>
            <a:pPr rtl="0">
              <a:defRPr sz="700"/>
            </a:pPr>
            <a:endParaRPr lang="ja-JP"/>
          </a:p>
        </c:txPr>
      </c:dTable>
    </c:plotArea>
    <c:plotVisOnly val="1"/>
    <c:dispBlanksAs val="gap"/>
    <c:showDLblsOverMax val="0"/>
  </c:chart>
  <c:txPr>
    <a:bodyPr/>
    <a:lstStyle/>
    <a:p>
      <a:pPr>
        <a:defRPr sz="900"/>
      </a:pPr>
      <a:endParaRPr lang="ja-JP"/>
    </a:p>
  </c:txPr>
  <c:externalData r:id="rId1">
    <c:autoUpdate val="0"/>
  </c:externalData>
  <c:userShapes r:id="rId2"/>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116907261592301"/>
          <c:y val="5.1400554097404488E-2"/>
          <c:w val="0.6718864829396326"/>
          <c:h val="0.63731338892372968"/>
        </c:manualLayout>
      </c:layout>
      <c:lineChart>
        <c:grouping val="standard"/>
        <c:varyColors val="0"/>
        <c:ser>
          <c:idx val="0"/>
          <c:order val="0"/>
          <c:tx>
            <c:strRef>
              <c:f>グラフ!$A$27</c:f>
              <c:strCache>
                <c:ptCount val="1"/>
                <c:pt idx="0">
                  <c:v>大阪府</c:v>
                </c:pt>
              </c:strCache>
            </c:strRef>
          </c:tx>
          <c:dLbls>
            <c:spPr>
              <a:noFill/>
              <a:ln>
                <a:noFill/>
              </a:ln>
              <a:effectLst/>
            </c:spPr>
            <c:txPr>
              <a:bodyPr/>
              <a:lstStyle/>
              <a:p>
                <a:pPr>
                  <a:defRPr sz="800"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7:$K$27</c:f>
              <c:numCache>
                <c:formatCode>#,##0_);[Red]\(#,##0\)</c:formatCode>
                <c:ptCount val="10"/>
                <c:pt idx="0">
                  <c:v>10791</c:v>
                </c:pt>
                <c:pt idx="1">
                  <c:v>10325</c:v>
                </c:pt>
                <c:pt idx="2">
                  <c:v>10521</c:v>
                </c:pt>
                <c:pt idx="3">
                  <c:v>10533</c:v>
                </c:pt>
                <c:pt idx="4">
                  <c:v>10853</c:v>
                </c:pt>
                <c:pt idx="5">
                  <c:v>11916</c:v>
                </c:pt>
                <c:pt idx="6">
                  <c:v>13365</c:v>
                </c:pt>
                <c:pt idx="7">
                  <c:v>15600</c:v>
                </c:pt>
                <c:pt idx="8">
                  <c:v>17376</c:v>
                </c:pt>
                <c:pt idx="9">
                  <c:v>18334</c:v>
                </c:pt>
              </c:numCache>
            </c:numRef>
          </c:val>
          <c:smooth val="0"/>
          <c:extLst>
            <c:ext xmlns:c16="http://schemas.microsoft.com/office/drawing/2014/chart" uri="{C3380CC4-5D6E-409C-BE32-E72D297353CC}">
              <c16:uniqueId val="{00000000-7449-46E2-A0E1-A77ABBA60171}"/>
            </c:ext>
          </c:extLst>
        </c:ser>
        <c:ser>
          <c:idx val="1"/>
          <c:order val="1"/>
          <c:tx>
            <c:strRef>
              <c:f>グラフ!$A$28</c:f>
              <c:strCache>
                <c:ptCount val="1"/>
                <c:pt idx="0">
                  <c:v>東京都</c:v>
                </c:pt>
              </c:strCache>
            </c:strRef>
          </c:tx>
          <c:dLbls>
            <c:spPr>
              <a:noFill/>
              <a:ln>
                <a:noFill/>
              </a:ln>
              <a:effectLst/>
            </c:spPr>
            <c:txPr>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8:$K$28</c:f>
              <c:numCache>
                <c:formatCode>#,##0_);[Red]\(#,##0\)</c:formatCode>
                <c:ptCount val="10"/>
                <c:pt idx="0">
                  <c:v>45617</c:v>
                </c:pt>
                <c:pt idx="1">
                  <c:v>43188</c:v>
                </c:pt>
                <c:pt idx="2">
                  <c:v>43500</c:v>
                </c:pt>
                <c:pt idx="3">
                  <c:v>42791</c:v>
                </c:pt>
                <c:pt idx="4">
                  <c:v>45280</c:v>
                </c:pt>
                <c:pt idx="5">
                  <c:v>50557</c:v>
                </c:pt>
                <c:pt idx="6">
                  <c:v>55441</c:v>
                </c:pt>
                <c:pt idx="7">
                  <c:v>60768</c:v>
                </c:pt>
                <c:pt idx="8">
                  <c:v>67297</c:v>
                </c:pt>
                <c:pt idx="9">
                  <c:v>72421</c:v>
                </c:pt>
              </c:numCache>
            </c:numRef>
          </c:val>
          <c:smooth val="0"/>
          <c:extLst>
            <c:ext xmlns:c16="http://schemas.microsoft.com/office/drawing/2014/chart" uri="{C3380CC4-5D6E-409C-BE32-E72D297353CC}">
              <c16:uniqueId val="{00000001-7449-46E2-A0E1-A77ABBA60171}"/>
            </c:ext>
          </c:extLst>
        </c:ser>
        <c:ser>
          <c:idx val="2"/>
          <c:order val="2"/>
          <c:tx>
            <c:strRef>
              <c:f>グラフ!$A$29</c:f>
              <c:strCache>
                <c:ptCount val="1"/>
                <c:pt idx="0">
                  <c:v>京都府</c:v>
                </c:pt>
              </c:strCache>
            </c:strRef>
          </c:tx>
          <c:spPr>
            <a:ln cmpd="dbl"/>
          </c:spPr>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29:$K$29</c:f>
              <c:numCache>
                <c:formatCode>#,##0_);[Red]\(#,##0\)</c:formatCode>
                <c:ptCount val="10"/>
                <c:pt idx="0">
                  <c:v>5896</c:v>
                </c:pt>
                <c:pt idx="1">
                  <c:v>6246</c:v>
                </c:pt>
                <c:pt idx="2">
                  <c:v>6900</c:v>
                </c:pt>
                <c:pt idx="3">
                  <c:v>7243</c:v>
                </c:pt>
                <c:pt idx="4">
                  <c:v>7470</c:v>
                </c:pt>
                <c:pt idx="5">
                  <c:v>7667</c:v>
                </c:pt>
                <c:pt idx="6">
                  <c:v>8368</c:v>
                </c:pt>
                <c:pt idx="7">
                  <c:v>9031</c:v>
                </c:pt>
                <c:pt idx="8">
                  <c:v>10299</c:v>
                </c:pt>
                <c:pt idx="9">
                  <c:v>11946</c:v>
                </c:pt>
              </c:numCache>
            </c:numRef>
          </c:val>
          <c:smooth val="0"/>
          <c:extLst>
            <c:ext xmlns:c16="http://schemas.microsoft.com/office/drawing/2014/chart" uri="{C3380CC4-5D6E-409C-BE32-E72D297353CC}">
              <c16:uniqueId val="{00000002-7449-46E2-A0E1-A77ABBA60171}"/>
            </c:ext>
          </c:extLst>
        </c:ser>
        <c:ser>
          <c:idx val="3"/>
          <c:order val="3"/>
          <c:tx>
            <c:strRef>
              <c:f>グラフ!$A$30</c:f>
              <c:strCache>
                <c:ptCount val="1"/>
                <c:pt idx="0">
                  <c:v>福岡県</c:v>
                </c:pt>
              </c:strCache>
            </c:strRef>
          </c:tx>
          <c:spPr>
            <a:ln>
              <a:prstDash val="sysDash"/>
            </a:ln>
          </c:spPr>
          <c:cat>
            <c:strRef>
              <c:f>グラフ!$B$26:$K$26</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グラフ!$B$30:$K$30</c:f>
              <c:numCache>
                <c:formatCode>#,##0_);[Red]\(#,##0\)</c:formatCode>
                <c:ptCount val="10"/>
                <c:pt idx="0">
                  <c:v>9665</c:v>
                </c:pt>
                <c:pt idx="1">
                  <c:v>10635</c:v>
                </c:pt>
                <c:pt idx="2">
                  <c:v>10434</c:v>
                </c:pt>
                <c:pt idx="3">
                  <c:v>10779</c:v>
                </c:pt>
                <c:pt idx="4">
                  <c:v>10627</c:v>
                </c:pt>
                <c:pt idx="5">
                  <c:v>9948</c:v>
                </c:pt>
                <c:pt idx="6">
                  <c:v>11717</c:v>
                </c:pt>
                <c:pt idx="7">
                  <c:v>12813</c:v>
                </c:pt>
                <c:pt idx="8">
                  <c:v>13669</c:v>
                </c:pt>
                <c:pt idx="9">
                  <c:v>14910</c:v>
                </c:pt>
              </c:numCache>
            </c:numRef>
          </c:val>
          <c:smooth val="0"/>
          <c:extLst>
            <c:ext xmlns:c16="http://schemas.microsoft.com/office/drawing/2014/chart" uri="{C3380CC4-5D6E-409C-BE32-E72D297353CC}">
              <c16:uniqueId val="{00000003-7449-46E2-A0E1-A77ABBA60171}"/>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b"/>
      <c:layout>
        <c:manualLayout>
          <c:xMode val="edge"/>
          <c:yMode val="edge"/>
          <c:x val="0.1125984251968504"/>
          <c:y val="0.84234842326125159"/>
          <c:w val="0.55695538057742777"/>
          <c:h val="0.13405275667975131"/>
        </c:manualLayout>
      </c:layout>
      <c:overlay val="0"/>
    </c:legend>
    <c:plotVisOnly val="1"/>
    <c:dispBlanksAs val="gap"/>
    <c:showDLblsOverMax val="0"/>
  </c:chart>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0581879842689141E-2"/>
          <c:y val="8.0504304460743553E-2"/>
          <c:w val="0.80491277997189559"/>
          <c:h val="0.73161323847943405"/>
        </c:manualLayout>
      </c:layout>
      <c:barChart>
        <c:barDir val="col"/>
        <c:grouping val="clustered"/>
        <c:varyColors val="0"/>
        <c:ser>
          <c:idx val="0"/>
          <c:order val="0"/>
          <c:tx>
            <c:strRef>
              <c:f>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B$2:$B$4,グラフ!$B$6,グラフ!$B$8)</c:f>
              <c:numCache>
                <c:formatCode>#,##0_);[Red]\(#,##0\)</c:formatCode>
                <c:ptCount val="5"/>
                <c:pt idx="0">
                  <c:v>1658.8040000000001</c:v>
                </c:pt>
                <c:pt idx="1">
                  <c:v>485.34500000000003</c:v>
                </c:pt>
                <c:pt idx="2">
                  <c:v>91.581000000000003</c:v>
                </c:pt>
                <c:pt idx="3">
                  <c:v>175.119</c:v>
                </c:pt>
                <c:pt idx="4">
                  <c:v>105.379</c:v>
                </c:pt>
              </c:numCache>
            </c:numRef>
          </c:val>
          <c:extLst>
            <c:ext xmlns:c16="http://schemas.microsoft.com/office/drawing/2014/chart" uri="{C3380CC4-5D6E-409C-BE32-E72D297353CC}">
              <c16:uniqueId val="{00000000-7B70-4C09-9FBC-29F6148A347D}"/>
            </c:ext>
          </c:extLst>
        </c:ser>
        <c:ser>
          <c:idx val="1"/>
          <c:order val="1"/>
          <c:tx>
            <c:strRef>
              <c:f>グラフ!$C$1</c:f>
              <c:strCache>
                <c:ptCount val="1"/>
                <c:pt idx="0">
                  <c:v>「専門的・技術的」資格人数</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C$2:$C$4,グラフ!$C$6,グラフ!$C$8)</c:f>
              <c:numCache>
                <c:formatCode>#,##0_);[Red]\(#,##0\)</c:formatCode>
                <c:ptCount val="5"/>
                <c:pt idx="0">
                  <c:v>329.03399999999999</c:v>
                </c:pt>
                <c:pt idx="1">
                  <c:v>156.47800000000001</c:v>
                </c:pt>
                <c:pt idx="2">
                  <c:v>20.515000000000001</c:v>
                </c:pt>
                <c:pt idx="3">
                  <c:v>24.231999999999999</c:v>
                </c:pt>
                <c:pt idx="4">
                  <c:v>25.815999999999999</c:v>
                </c:pt>
              </c:numCache>
            </c:numRef>
          </c:val>
          <c:extLst>
            <c:ext xmlns:c16="http://schemas.microsoft.com/office/drawing/2014/chart" uri="{C3380CC4-5D6E-409C-BE32-E72D297353CC}">
              <c16:uniqueId val="{00000001-7B70-4C09-9FBC-29F6148A347D}"/>
            </c:ext>
          </c:extLst>
        </c:ser>
        <c:dLbls>
          <c:showLegendKey val="0"/>
          <c:showVal val="0"/>
          <c:showCatName val="0"/>
          <c:showSerName val="0"/>
          <c:showPercent val="0"/>
          <c:showBubbleSize val="0"/>
        </c:dLbls>
        <c:gapWidth val="150"/>
        <c:axId val="73725440"/>
        <c:axId val="71717632"/>
      </c:barChart>
      <c:lineChart>
        <c:grouping val="standard"/>
        <c:varyColors val="0"/>
        <c:ser>
          <c:idx val="2"/>
          <c:order val="2"/>
          <c:tx>
            <c:strRef>
              <c:f>グラフ!$D$1</c:f>
              <c:strCache>
                <c:ptCount val="1"/>
                <c:pt idx="0">
                  <c:v>全労働者に占める「専門・技術」の割合</c:v>
                </c:pt>
              </c:strCache>
            </c:strRef>
          </c:tx>
          <c:marker>
            <c:symbol val="diamond"/>
            <c:size val="7"/>
          </c:marker>
          <c:dLbls>
            <c:spPr>
              <a:solidFill>
                <a:schemeClr val="bg1"/>
              </a:solidFill>
              <a:ln>
                <a:solidFill>
                  <a:schemeClr val="tx1"/>
                </a:solidFill>
              </a:ln>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A$2:$A$4,グラフ!$A$6,グラフ!$A$8)</c:f>
              <c:strCache>
                <c:ptCount val="5"/>
                <c:pt idx="0">
                  <c:v>全国</c:v>
                </c:pt>
                <c:pt idx="1">
                  <c:v>東京都</c:v>
                </c:pt>
                <c:pt idx="2">
                  <c:v>神奈川県</c:v>
                </c:pt>
                <c:pt idx="3">
                  <c:v>愛知県</c:v>
                </c:pt>
                <c:pt idx="4">
                  <c:v>大阪府</c:v>
                </c:pt>
              </c:strCache>
            </c:strRef>
          </c:cat>
          <c:val>
            <c:numRef>
              <c:f>(グラフ!$D$2:$D$4,グラフ!$D$6,グラフ!$D$8)</c:f>
              <c:numCache>
                <c:formatCode>0.0%</c:formatCode>
                <c:ptCount val="5"/>
                <c:pt idx="0">
                  <c:v>0.19835616504421255</c:v>
                </c:pt>
                <c:pt idx="1">
                  <c:v>0.32240571140116825</c:v>
                </c:pt>
                <c:pt idx="2">
                  <c:v>0.22400934691693691</c:v>
                </c:pt>
                <c:pt idx="3">
                  <c:v>0.13837447678435807</c:v>
                </c:pt>
                <c:pt idx="4">
                  <c:v>0.24498239687224208</c:v>
                </c:pt>
              </c:numCache>
            </c:numRef>
          </c:val>
          <c:smooth val="0"/>
          <c:extLst>
            <c:ext xmlns:c16="http://schemas.microsoft.com/office/drawing/2014/chart" uri="{C3380CC4-5D6E-409C-BE32-E72D297353CC}">
              <c16:uniqueId val="{00000002-7B70-4C09-9FBC-29F6148A347D}"/>
            </c:ext>
          </c:extLst>
        </c:ser>
        <c:dLbls>
          <c:showLegendKey val="0"/>
          <c:showVal val="0"/>
          <c:showCatName val="0"/>
          <c:showSerName val="0"/>
          <c:showPercent val="0"/>
          <c:showBubbleSize val="0"/>
        </c:dLbls>
        <c:marker val="1"/>
        <c:smooth val="0"/>
        <c:axId val="71725056"/>
        <c:axId val="71719168"/>
      </c:lineChart>
      <c:catAx>
        <c:axId val="73725440"/>
        <c:scaling>
          <c:orientation val="minMax"/>
        </c:scaling>
        <c:delete val="0"/>
        <c:axPos val="b"/>
        <c:numFmt formatCode="General" sourceLinked="0"/>
        <c:majorTickMark val="out"/>
        <c:minorTickMark val="none"/>
        <c:tickLblPos val="nextTo"/>
        <c:txPr>
          <a:bodyPr/>
          <a:lstStyle/>
          <a:p>
            <a:pPr>
              <a:defRPr sz="900"/>
            </a:pPr>
            <a:endParaRPr lang="ja-JP"/>
          </a:p>
        </c:txPr>
        <c:crossAx val="71717632"/>
        <c:crosses val="autoZero"/>
        <c:auto val="1"/>
        <c:lblAlgn val="ctr"/>
        <c:lblOffset val="100"/>
        <c:noMultiLvlLbl val="0"/>
      </c:catAx>
      <c:valAx>
        <c:axId val="71717632"/>
        <c:scaling>
          <c:orientation val="minMax"/>
        </c:scaling>
        <c:delete val="0"/>
        <c:axPos val="l"/>
        <c:majorGridlines/>
        <c:numFmt formatCode="#,##0_);[Red]\(#,##0\)" sourceLinked="1"/>
        <c:majorTickMark val="out"/>
        <c:minorTickMark val="none"/>
        <c:tickLblPos val="nextTo"/>
        <c:crossAx val="73725440"/>
        <c:crosses val="autoZero"/>
        <c:crossBetween val="between"/>
      </c:valAx>
      <c:valAx>
        <c:axId val="71719168"/>
        <c:scaling>
          <c:orientation val="minMax"/>
        </c:scaling>
        <c:delete val="0"/>
        <c:axPos val="r"/>
        <c:numFmt formatCode="0.0%" sourceLinked="1"/>
        <c:majorTickMark val="out"/>
        <c:minorTickMark val="none"/>
        <c:tickLblPos val="nextTo"/>
        <c:crossAx val="71725056"/>
        <c:crosses val="max"/>
        <c:crossBetween val="between"/>
      </c:valAx>
      <c:catAx>
        <c:axId val="71725056"/>
        <c:scaling>
          <c:orientation val="minMax"/>
        </c:scaling>
        <c:delete val="1"/>
        <c:axPos val="b"/>
        <c:numFmt formatCode="General" sourceLinked="1"/>
        <c:majorTickMark val="out"/>
        <c:minorTickMark val="none"/>
        <c:tickLblPos val="nextTo"/>
        <c:crossAx val="71719168"/>
        <c:crosses val="autoZero"/>
        <c:auto val="1"/>
        <c:lblAlgn val="ctr"/>
        <c:lblOffset val="100"/>
        <c:noMultiLvlLbl val="0"/>
      </c:catAx>
    </c:plotArea>
    <c:legend>
      <c:legendPos val="b"/>
      <c:legendEntry>
        <c:idx val="2"/>
        <c:delete val="1"/>
      </c:legendEntry>
      <c:layout>
        <c:manualLayout>
          <c:xMode val="edge"/>
          <c:yMode val="edge"/>
          <c:x val="0.11466289762828025"/>
          <c:y val="0.90214919494303136"/>
          <c:w val="0.77067420474343951"/>
          <c:h val="7.6630651815158532E-2"/>
        </c:manualLayout>
      </c:layout>
      <c:overlay val="0"/>
      <c:spPr>
        <a:ln>
          <a:noFill/>
        </a:ln>
      </c:spPr>
      <c:txPr>
        <a:bodyPr/>
        <a:lstStyle/>
        <a:p>
          <a:pPr>
            <a:defRPr sz="800"/>
          </a:pPr>
          <a:endParaRPr lang="ja-JP"/>
        </a:p>
      </c:txPr>
    </c:legend>
    <c:plotVisOnly val="1"/>
    <c:dispBlanksAs val="gap"/>
    <c:showDLblsOverMax val="0"/>
  </c:chart>
  <c:externalData r:id="rId1">
    <c:autoUpdate val="0"/>
  </c:externalData>
  <c:userShapes r:id="rId2"/>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1"/>
          <c:order val="0"/>
          <c:tx>
            <c:strRef>
              <c:f>まとめ!$B$4</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6"/>
              <c:layout>
                <c:manualLayout>
                  <c:x val="-6.6290380008646399E-2"/>
                  <c:y val="3.70024059492562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4:$I$4</c:f>
              <c:numCache>
                <c:formatCode>_(* #,##0_);_(* \(#,##0\);_(* "-"_);_(@_)</c:formatCode>
                <c:ptCount val="7"/>
                <c:pt idx="0">
                  <c:v>816</c:v>
                </c:pt>
                <c:pt idx="1">
                  <c:v>869</c:v>
                </c:pt>
                <c:pt idx="2">
                  <c:v>1021</c:v>
                </c:pt>
                <c:pt idx="3">
                  <c:v>1292</c:v>
                </c:pt>
                <c:pt idx="4">
                  <c:v>1681</c:v>
                </c:pt>
                <c:pt idx="5">
                  <c:v>2031</c:v>
                </c:pt>
                <c:pt idx="6">
                  <c:v>2310</c:v>
                </c:pt>
              </c:numCache>
            </c:numRef>
          </c:val>
          <c:smooth val="0"/>
          <c:extLst>
            <c:ext xmlns:c16="http://schemas.microsoft.com/office/drawing/2014/chart" uri="{C3380CC4-5D6E-409C-BE32-E72D297353CC}">
              <c16:uniqueId val="{00000001-ACB7-40B8-A25F-867AF7045556}"/>
            </c:ext>
          </c:extLst>
        </c:ser>
        <c:ser>
          <c:idx val="3"/>
          <c:order val="2"/>
          <c:tx>
            <c:strRef>
              <c:f>まとめ!$B$6</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6"/>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6:$I$6</c:f>
              <c:numCache>
                <c:formatCode>_(* #,##0_);_(* \(#,##0\);_(* "-"_);_(@_)</c:formatCode>
                <c:ptCount val="7"/>
                <c:pt idx="0">
                  <c:v>951</c:v>
                </c:pt>
                <c:pt idx="1">
                  <c:v>1062</c:v>
                </c:pt>
                <c:pt idx="2">
                  <c:v>1343</c:v>
                </c:pt>
                <c:pt idx="3">
                  <c:v>1764</c:v>
                </c:pt>
                <c:pt idx="4">
                  <c:v>2175</c:v>
                </c:pt>
                <c:pt idx="5">
                  <c:v>2433</c:v>
                </c:pt>
                <c:pt idx="6">
                  <c:v>2646</c:v>
                </c:pt>
              </c:numCache>
            </c:numRef>
          </c:val>
          <c:smooth val="0"/>
          <c:extLst>
            <c:ext xmlns:c16="http://schemas.microsoft.com/office/drawing/2014/chart" uri="{C3380CC4-5D6E-409C-BE32-E72D297353CC}">
              <c16:uniqueId val="{00000003-ACB7-40B8-A25F-867AF7045556}"/>
            </c:ext>
          </c:extLst>
        </c:ser>
        <c:ser>
          <c:idx val="4"/>
          <c:order val="3"/>
          <c:tx>
            <c:strRef>
              <c:f>まとめ!$B$7</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6"/>
              <c:layout>
                <c:manualLayout>
                  <c:x val="-5.5157392698273168E-2"/>
                  <c:y val="3.70024059492563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7:$I$7</c:f>
              <c:numCache>
                <c:formatCode>_(* #,##0_);_(* \(#,##0\);_(* "-"_);_(@_)</c:formatCode>
                <c:ptCount val="7"/>
                <c:pt idx="0">
                  <c:v>470</c:v>
                </c:pt>
                <c:pt idx="1">
                  <c:v>460</c:v>
                </c:pt>
                <c:pt idx="2">
                  <c:v>465</c:v>
                </c:pt>
                <c:pt idx="3">
                  <c:v>552</c:v>
                </c:pt>
                <c:pt idx="4">
                  <c:v>643</c:v>
                </c:pt>
                <c:pt idx="5">
                  <c:v>741</c:v>
                </c:pt>
                <c:pt idx="6">
                  <c:v>889</c:v>
                </c:pt>
              </c:numCache>
            </c:numRef>
          </c:val>
          <c:smooth val="0"/>
          <c:extLst>
            <c:ext xmlns:c16="http://schemas.microsoft.com/office/drawing/2014/chart" uri="{C3380CC4-5D6E-409C-BE32-E72D297353CC}">
              <c16:uniqueId val="{00000005-ACB7-40B8-A25F-867AF7045556}"/>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6"/>
              <c:layout>
                <c:manualLayout>
                  <c:x val="-5.3521401088977849E-2"/>
                  <c:y val="-3.46875911344415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8:$I$8</c:f>
              <c:numCache>
                <c:formatCode>_(* #,##0_);_(* \(#,##0\);_(* "-"_);_(@_)</c:formatCode>
                <c:ptCount val="7"/>
                <c:pt idx="0">
                  <c:v>313</c:v>
                </c:pt>
                <c:pt idx="1">
                  <c:v>365</c:v>
                </c:pt>
                <c:pt idx="2">
                  <c:v>419</c:v>
                </c:pt>
                <c:pt idx="3">
                  <c:v>540</c:v>
                </c:pt>
                <c:pt idx="4">
                  <c:v>720</c:v>
                </c:pt>
                <c:pt idx="5">
                  <c:v>835</c:v>
                </c:pt>
                <c:pt idx="6">
                  <c:v>910</c:v>
                </c:pt>
              </c:numCache>
            </c:numRef>
          </c:val>
          <c:smooth val="0"/>
          <c:extLst>
            <c:ext xmlns:c16="http://schemas.microsoft.com/office/drawing/2014/chart" uri="{C3380CC4-5D6E-409C-BE32-E72D297353CC}">
              <c16:uniqueId val="{00000007-ACB7-40B8-A25F-867AF7045556}"/>
            </c:ext>
          </c:extLst>
        </c:ser>
        <c:dLbls>
          <c:showLegendKey val="0"/>
          <c:showVal val="0"/>
          <c:showCatName val="0"/>
          <c:showSerName val="0"/>
          <c:showPercent val="0"/>
          <c:showBubbleSize val="0"/>
        </c:dLbls>
        <c:marker val="1"/>
        <c:smooth val="0"/>
        <c:axId val="1334528736"/>
        <c:axId val="1334524992"/>
      </c:lineChart>
      <c:lineChart>
        <c:grouping val="standard"/>
        <c:varyColors val="0"/>
        <c:ser>
          <c:idx val="2"/>
          <c:order val="1"/>
          <c:tx>
            <c:strRef>
              <c:f>まとめ!$B$5</c:f>
              <c:strCache>
                <c:ptCount val="1"/>
                <c:pt idx="0">
                  <c:v>東京都（右軸）</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6"/>
              <c:layout>
                <c:manualLayout>
                  <c:x val="-9.1208916908051552E-2"/>
                  <c:y val="-5.2661522169253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5:$I$5</c:f>
              <c:numCache>
                <c:formatCode>_(* #,##0_);_(* \(#,##0\);_(* "-"_);_(@_)</c:formatCode>
                <c:ptCount val="7"/>
                <c:pt idx="0">
                  <c:v>6058</c:v>
                </c:pt>
                <c:pt idx="1">
                  <c:v>6248</c:v>
                </c:pt>
                <c:pt idx="2">
                  <c:v>6897</c:v>
                </c:pt>
                <c:pt idx="3">
                  <c:v>7914</c:v>
                </c:pt>
                <c:pt idx="4">
                  <c:v>9242</c:v>
                </c:pt>
                <c:pt idx="5">
                  <c:v>9722</c:v>
                </c:pt>
                <c:pt idx="6">
                  <c:v>9990</c:v>
                </c:pt>
              </c:numCache>
            </c:numRef>
          </c:val>
          <c:smooth val="0"/>
          <c:extLst>
            <c:ext xmlns:c16="http://schemas.microsoft.com/office/drawing/2014/chart" uri="{C3380CC4-5D6E-409C-BE32-E72D297353CC}">
              <c16:uniqueId val="{00000009-ACB7-40B8-A25F-867AF7045556}"/>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5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415697022937E-2"/>
          <c:y val="0.85995261009040536"/>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まとめ!$F$2</c:f>
              <c:strCache>
                <c:ptCount val="1"/>
                <c:pt idx="0">
                  <c:v>製造工業生産指数（大阪府）</c:v>
                </c:pt>
              </c:strCache>
            </c:strRef>
          </c:tx>
          <c:spPr>
            <a:ln w="28575" cap="rnd">
              <a:solidFill>
                <a:srgbClr val="0070C0"/>
              </a:solidFill>
              <a:round/>
            </a:ln>
            <a:effectLst/>
          </c:spPr>
          <c:marker>
            <c:symbol val="none"/>
          </c:marker>
          <c:cat>
            <c:numRef>
              <c:f>まとめ!$E$3:$E$131</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まとめ!$F$3:$F$131</c:f>
              <c:numCache>
                <c:formatCode>0.0_);[Red]\(0.0\)</c:formatCode>
                <c:ptCount val="129"/>
                <c:pt idx="0">
                  <c:v>92.5</c:v>
                </c:pt>
                <c:pt idx="1">
                  <c:v>94.1</c:v>
                </c:pt>
                <c:pt idx="2">
                  <c:v>94.3</c:v>
                </c:pt>
                <c:pt idx="3">
                  <c:v>92.9</c:v>
                </c:pt>
                <c:pt idx="4">
                  <c:v>96.2</c:v>
                </c:pt>
                <c:pt idx="5">
                  <c:v>96.2</c:v>
                </c:pt>
                <c:pt idx="6">
                  <c:v>97.1</c:v>
                </c:pt>
                <c:pt idx="7">
                  <c:v>98.8</c:v>
                </c:pt>
                <c:pt idx="8">
                  <c:v>96.4</c:v>
                </c:pt>
                <c:pt idx="9">
                  <c:v>96.6</c:v>
                </c:pt>
                <c:pt idx="10">
                  <c:v>96.4</c:v>
                </c:pt>
                <c:pt idx="11">
                  <c:v>96.4</c:v>
                </c:pt>
                <c:pt idx="12">
                  <c:v>102.4</c:v>
                </c:pt>
                <c:pt idx="13">
                  <c:v>107.2</c:v>
                </c:pt>
                <c:pt idx="14">
                  <c:v>107.1</c:v>
                </c:pt>
                <c:pt idx="15">
                  <c:v>101</c:v>
                </c:pt>
                <c:pt idx="16">
                  <c:v>95.6</c:v>
                </c:pt>
                <c:pt idx="17">
                  <c:v>105</c:v>
                </c:pt>
                <c:pt idx="18">
                  <c:v>105.5</c:v>
                </c:pt>
                <c:pt idx="19">
                  <c:v>107.9</c:v>
                </c:pt>
                <c:pt idx="20">
                  <c:v>104.4</c:v>
                </c:pt>
                <c:pt idx="21">
                  <c:v>103.8</c:v>
                </c:pt>
                <c:pt idx="22">
                  <c:v>104.2</c:v>
                </c:pt>
                <c:pt idx="23">
                  <c:v>102.9</c:v>
                </c:pt>
                <c:pt idx="24">
                  <c:v>100.6</c:v>
                </c:pt>
                <c:pt idx="25">
                  <c:v>99.1</c:v>
                </c:pt>
                <c:pt idx="26">
                  <c:v>99.3</c:v>
                </c:pt>
                <c:pt idx="27">
                  <c:v>99.9</c:v>
                </c:pt>
                <c:pt idx="28">
                  <c:v>98.5</c:v>
                </c:pt>
                <c:pt idx="29">
                  <c:v>98.6</c:v>
                </c:pt>
                <c:pt idx="30">
                  <c:v>95.6</c:v>
                </c:pt>
                <c:pt idx="31">
                  <c:v>95.9</c:v>
                </c:pt>
                <c:pt idx="32">
                  <c:v>97.1</c:v>
                </c:pt>
                <c:pt idx="33">
                  <c:v>102.1</c:v>
                </c:pt>
                <c:pt idx="34">
                  <c:v>98.4</c:v>
                </c:pt>
                <c:pt idx="35">
                  <c:v>98.7</c:v>
                </c:pt>
                <c:pt idx="36">
                  <c:v>97.4</c:v>
                </c:pt>
                <c:pt idx="37">
                  <c:v>98.9</c:v>
                </c:pt>
                <c:pt idx="38">
                  <c:v>100.3</c:v>
                </c:pt>
                <c:pt idx="39">
                  <c:v>100.9</c:v>
                </c:pt>
                <c:pt idx="40">
                  <c:v>101.6</c:v>
                </c:pt>
                <c:pt idx="41">
                  <c:v>100.1</c:v>
                </c:pt>
                <c:pt idx="42">
                  <c:v>103.1</c:v>
                </c:pt>
                <c:pt idx="43">
                  <c:v>102.4</c:v>
                </c:pt>
                <c:pt idx="44">
                  <c:v>100.6</c:v>
                </c:pt>
                <c:pt idx="45">
                  <c:v>100.3</c:v>
                </c:pt>
                <c:pt idx="46">
                  <c:v>100.4</c:v>
                </c:pt>
                <c:pt idx="47">
                  <c:v>101.8</c:v>
                </c:pt>
                <c:pt idx="48">
                  <c:v>104.8</c:v>
                </c:pt>
                <c:pt idx="49">
                  <c:v>101.9</c:v>
                </c:pt>
                <c:pt idx="50">
                  <c:v>103</c:v>
                </c:pt>
                <c:pt idx="51">
                  <c:v>100.7</c:v>
                </c:pt>
                <c:pt idx="52">
                  <c:v>101.6</c:v>
                </c:pt>
                <c:pt idx="53">
                  <c:v>101.6</c:v>
                </c:pt>
                <c:pt idx="54">
                  <c:v>99.2</c:v>
                </c:pt>
                <c:pt idx="55">
                  <c:v>99.5</c:v>
                </c:pt>
                <c:pt idx="56">
                  <c:v>104.6</c:v>
                </c:pt>
                <c:pt idx="57">
                  <c:v>102.2</c:v>
                </c:pt>
                <c:pt idx="58">
                  <c:v>100.5</c:v>
                </c:pt>
                <c:pt idx="59">
                  <c:v>99.8</c:v>
                </c:pt>
                <c:pt idx="60">
                  <c:v>104.3</c:v>
                </c:pt>
                <c:pt idx="61">
                  <c:v>100.8</c:v>
                </c:pt>
                <c:pt idx="62">
                  <c:v>98.6</c:v>
                </c:pt>
                <c:pt idx="63">
                  <c:v>99.3</c:v>
                </c:pt>
                <c:pt idx="64">
                  <c:v>101.2</c:v>
                </c:pt>
                <c:pt idx="65">
                  <c:v>99.3</c:v>
                </c:pt>
                <c:pt idx="66">
                  <c:v>100.4</c:v>
                </c:pt>
                <c:pt idx="67">
                  <c:v>98.4</c:v>
                </c:pt>
                <c:pt idx="68">
                  <c:v>100</c:v>
                </c:pt>
                <c:pt idx="69">
                  <c:v>101.9</c:v>
                </c:pt>
                <c:pt idx="70">
                  <c:v>100.6</c:v>
                </c:pt>
                <c:pt idx="71">
                  <c:v>95.6</c:v>
                </c:pt>
                <c:pt idx="72">
                  <c:v>100.5</c:v>
                </c:pt>
                <c:pt idx="73">
                  <c:v>101.1</c:v>
                </c:pt>
                <c:pt idx="74">
                  <c:v>101.9</c:v>
                </c:pt>
                <c:pt idx="75">
                  <c:v>104.9</c:v>
                </c:pt>
                <c:pt idx="76">
                  <c:v>99.6</c:v>
                </c:pt>
                <c:pt idx="77">
                  <c:v>98</c:v>
                </c:pt>
                <c:pt idx="78">
                  <c:v>99.2</c:v>
                </c:pt>
                <c:pt idx="79">
                  <c:v>100.7</c:v>
                </c:pt>
                <c:pt idx="80">
                  <c:v>100.3</c:v>
                </c:pt>
                <c:pt idx="81">
                  <c:v>99</c:v>
                </c:pt>
                <c:pt idx="82">
                  <c:v>102.2</c:v>
                </c:pt>
                <c:pt idx="83">
                  <c:v>102.4</c:v>
                </c:pt>
                <c:pt idx="84">
                  <c:v>100.9</c:v>
                </c:pt>
                <c:pt idx="85">
                  <c:v>101.9</c:v>
                </c:pt>
                <c:pt idx="86">
                  <c:v>102</c:v>
                </c:pt>
                <c:pt idx="87">
                  <c:v>104.4</c:v>
                </c:pt>
                <c:pt idx="88">
                  <c:v>101.7</c:v>
                </c:pt>
                <c:pt idx="89">
                  <c:v>105.9</c:v>
                </c:pt>
                <c:pt idx="90">
                  <c:v>104.4</c:v>
                </c:pt>
                <c:pt idx="91">
                  <c:v>104</c:v>
                </c:pt>
                <c:pt idx="92">
                  <c:v>103.7</c:v>
                </c:pt>
                <c:pt idx="93">
                  <c:v>102.3</c:v>
                </c:pt>
                <c:pt idx="94">
                  <c:v>100.2</c:v>
                </c:pt>
                <c:pt idx="95">
                  <c:v>104</c:v>
                </c:pt>
                <c:pt idx="96">
                  <c:v>97.7</c:v>
                </c:pt>
                <c:pt idx="97">
                  <c:v>102.7</c:v>
                </c:pt>
                <c:pt idx="98">
                  <c:v>103.9</c:v>
                </c:pt>
                <c:pt idx="99">
                  <c:v>103.6</c:v>
                </c:pt>
                <c:pt idx="100">
                  <c:v>103.7</c:v>
                </c:pt>
                <c:pt idx="101">
                  <c:v>100.1</c:v>
                </c:pt>
                <c:pt idx="102">
                  <c:v>99.8</c:v>
                </c:pt>
                <c:pt idx="103">
                  <c:v>102.6</c:v>
                </c:pt>
                <c:pt idx="104">
                  <c:v>101.3</c:v>
                </c:pt>
                <c:pt idx="105">
                  <c:v>108.3</c:v>
                </c:pt>
                <c:pt idx="106">
                  <c:v>106.6</c:v>
                </c:pt>
                <c:pt idx="107">
                  <c:v>102.5</c:v>
                </c:pt>
                <c:pt idx="108">
                  <c:v>107</c:v>
                </c:pt>
                <c:pt idx="109">
                  <c:v>106</c:v>
                </c:pt>
                <c:pt idx="110">
                  <c:v>104.9</c:v>
                </c:pt>
                <c:pt idx="111">
                  <c:v>105.2</c:v>
                </c:pt>
                <c:pt idx="112">
                  <c:v>107</c:v>
                </c:pt>
                <c:pt idx="113">
                  <c:v>107</c:v>
                </c:pt>
                <c:pt idx="114">
                  <c:v>107.3</c:v>
                </c:pt>
                <c:pt idx="115">
                  <c:v>104.9</c:v>
                </c:pt>
                <c:pt idx="116">
                  <c:v>106</c:v>
                </c:pt>
                <c:pt idx="117">
                  <c:v>106.5</c:v>
                </c:pt>
                <c:pt idx="118">
                  <c:v>102.2</c:v>
                </c:pt>
                <c:pt idx="119">
                  <c:v>106.7</c:v>
                </c:pt>
                <c:pt idx="120">
                  <c:v>98</c:v>
                </c:pt>
                <c:pt idx="121">
                  <c:v>109</c:v>
                </c:pt>
                <c:pt idx="122">
                  <c:v>102.4</c:v>
                </c:pt>
                <c:pt idx="123">
                  <c:v>94.5</c:v>
                </c:pt>
                <c:pt idx="124">
                  <c:v>87.4</c:v>
                </c:pt>
                <c:pt idx="125">
                  <c:v>86.7</c:v>
                </c:pt>
                <c:pt idx="126">
                  <c:v>96.4</c:v>
                </c:pt>
                <c:pt idx="127">
                  <c:v>92.7</c:v>
                </c:pt>
                <c:pt idx="128">
                  <c:v>97</c:v>
                </c:pt>
              </c:numCache>
            </c:numRef>
          </c:val>
          <c:smooth val="0"/>
          <c:extLst>
            <c:ext xmlns:c16="http://schemas.microsoft.com/office/drawing/2014/chart" uri="{C3380CC4-5D6E-409C-BE32-E72D297353CC}">
              <c16:uniqueId val="{00000000-BC9F-49B9-83D9-8717A5F4034C}"/>
            </c:ext>
          </c:extLst>
        </c:ser>
        <c:ser>
          <c:idx val="1"/>
          <c:order val="1"/>
          <c:tx>
            <c:strRef>
              <c:f>まとめ!$G$2</c:f>
              <c:strCache>
                <c:ptCount val="1"/>
                <c:pt idx="0">
                  <c:v>鉱工業生産指数（全国）</c:v>
                </c:pt>
              </c:strCache>
            </c:strRef>
          </c:tx>
          <c:spPr>
            <a:ln w="28575" cap="rnd">
              <a:solidFill>
                <a:srgbClr val="FF0000"/>
              </a:solidFill>
              <a:prstDash val="sysDash"/>
              <a:round/>
            </a:ln>
            <a:effectLst/>
          </c:spPr>
          <c:marker>
            <c:symbol val="none"/>
          </c:marker>
          <c:cat>
            <c:numRef>
              <c:f>まとめ!$E$3:$E$131</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まとめ!$G$3:$G$131</c:f>
              <c:numCache>
                <c:formatCode>0.0_);[Red]\(0.0\)</c:formatCode>
                <c:ptCount val="129"/>
                <c:pt idx="0">
                  <c:v>100.3</c:v>
                </c:pt>
                <c:pt idx="1">
                  <c:v>100.7</c:v>
                </c:pt>
                <c:pt idx="2">
                  <c:v>100.9</c:v>
                </c:pt>
                <c:pt idx="3">
                  <c:v>102</c:v>
                </c:pt>
                <c:pt idx="4">
                  <c:v>101.8</c:v>
                </c:pt>
                <c:pt idx="5">
                  <c:v>101</c:v>
                </c:pt>
                <c:pt idx="6">
                  <c:v>102.1</c:v>
                </c:pt>
                <c:pt idx="7">
                  <c:v>102.5</c:v>
                </c:pt>
                <c:pt idx="8">
                  <c:v>104.1</c:v>
                </c:pt>
                <c:pt idx="9">
                  <c:v>101.2</c:v>
                </c:pt>
                <c:pt idx="10">
                  <c:v>102.8</c:v>
                </c:pt>
                <c:pt idx="11">
                  <c:v>103.4</c:v>
                </c:pt>
                <c:pt idx="12">
                  <c:v>103.9</c:v>
                </c:pt>
                <c:pt idx="13">
                  <c:v>104.5</c:v>
                </c:pt>
                <c:pt idx="14">
                  <c:v>87.3</c:v>
                </c:pt>
                <c:pt idx="15">
                  <c:v>89.2</c:v>
                </c:pt>
                <c:pt idx="16">
                  <c:v>95.3</c:v>
                </c:pt>
                <c:pt idx="17">
                  <c:v>99.3</c:v>
                </c:pt>
                <c:pt idx="18">
                  <c:v>100.5</c:v>
                </c:pt>
                <c:pt idx="19">
                  <c:v>102.2</c:v>
                </c:pt>
                <c:pt idx="20">
                  <c:v>101.3</c:v>
                </c:pt>
                <c:pt idx="21">
                  <c:v>103.1</c:v>
                </c:pt>
                <c:pt idx="22">
                  <c:v>100.9</c:v>
                </c:pt>
                <c:pt idx="23">
                  <c:v>102.9</c:v>
                </c:pt>
                <c:pt idx="24">
                  <c:v>103.3</c:v>
                </c:pt>
                <c:pt idx="25">
                  <c:v>103.1</c:v>
                </c:pt>
                <c:pt idx="26">
                  <c:v>102.9</c:v>
                </c:pt>
                <c:pt idx="27">
                  <c:v>102.4</c:v>
                </c:pt>
                <c:pt idx="28">
                  <c:v>100.6</c:v>
                </c:pt>
                <c:pt idx="29">
                  <c:v>99.8</c:v>
                </c:pt>
                <c:pt idx="30">
                  <c:v>99.3</c:v>
                </c:pt>
                <c:pt idx="31">
                  <c:v>97.8</c:v>
                </c:pt>
                <c:pt idx="32">
                  <c:v>95.7</c:v>
                </c:pt>
                <c:pt idx="33">
                  <c:v>96</c:v>
                </c:pt>
                <c:pt idx="34">
                  <c:v>95.1</c:v>
                </c:pt>
                <c:pt idx="35">
                  <c:v>96.4</c:v>
                </c:pt>
                <c:pt idx="36" formatCode="General">
                  <c:v>94.8</c:v>
                </c:pt>
                <c:pt idx="37" formatCode="General">
                  <c:v>96.4</c:v>
                </c:pt>
                <c:pt idx="38" formatCode="General">
                  <c:v>97.7</c:v>
                </c:pt>
                <c:pt idx="39" formatCode="General">
                  <c:v>97.7</c:v>
                </c:pt>
                <c:pt idx="40" formatCode="General">
                  <c:v>99.2</c:v>
                </c:pt>
                <c:pt idx="41" formatCode="General">
                  <c:v>98.2</c:v>
                </c:pt>
                <c:pt idx="42" formatCode="General">
                  <c:v>99.7</c:v>
                </c:pt>
                <c:pt idx="43" formatCode="General">
                  <c:v>99.9</c:v>
                </c:pt>
                <c:pt idx="44" formatCode="General">
                  <c:v>101</c:v>
                </c:pt>
                <c:pt idx="45" formatCode="General">
                  <c:v>101.1</c:v>
                </c:pt>
                <c:pt idx="46" formatCode="General">
                  <c:v>101.8</c:v>
                </c:pt>
                <c:pt idx="47" formatCode="General">
                  <c:v>101.9</c:v>
                </c:pt>
                <c:pt idx="48" formatCode="General">
                  <c:v>103.8</c:v>
                </c:pt>
                <c:pt idx="49" formatCode="General">
                  <c:v>102.7</c:v>
                </c:pt>
                <c:pt idx="50" formatCode="General">
                  <c:v>104.2</c:v>
                </c:pt>
                <c:pt idx="51" formatCode="General">
                  <c:v>99.5</c:v>
                </c:pt>
                <c:pt idx="52" formatCode="General">
                  <c:v>101.8</c:v>
                </c:pt>
                <c:pt idx="53" formatCode="General">
                  <c:v>100.3</c:v>
                </c:pt>
                <c:pt idx="54" formatCode="General">
                  <c:v>100.1</c:v>
                </c:pt>
                <c:pt idx="55" formatCode="General">
                  <c:v>99.4</c:v>
                </c:pt>
                <c:pt idx="56" formatCode="General">
                  <c:v>100.6</c:v>
                </c:pt>
                <c:pt idx="57" formatCode="General">
                  <c:v>100.4</c:v>
                </c:pt>
                <c:pt idx="58" formatCode="General">
                  <c:v>100.4</c:v>
                </c:pt>
                <c:pt idx="59" formatCode="General">
                  <c:v>99.9</c:v>
                </c:pt>
                <c:pt idx="60" formatCode="General">
                  <c:v>102.9</c:v>
                </c:pt>
                <c:pt idx="61" formatCode="General">
                  <c:v>99.8</c:v>
                </c:pt>
                <c:pt idx="62" formatCode="General">
                  <c:v>99.3</c:v>
                </c:pt>
                <c:pt idx="63" formatCode="General">
                  <c:v>99.5</c:v>
                </c:pt>
                <c:pt idx="64" formatCode="General">
                  <c:v>99.5</c:v>
                </c:pt>
                <c:pt idx="65" formatCode="General">
                  <c:v>100.4</c:v>
                </c:pt>
                <c:pt idx="66" formatCode="General">
                  <c:v>100.4</c:v>
                </c:pt>
                <c:pt idx="67" formatCode="General">
                  <c:v>98.6</c:v>
                </c:pt>
                <c:pt idx="68" formatCode="General">
                  <c:v>100.5</c:v>
                </c:pt>
                <c:pt idx="69" formatCode="General">
                  <c:v>100.7</c:v>
                </c:pt>
                <c:pt idx="70" formatCode="General">
                  <c:v>99.9</c:v>
                </c:pt>
                <c:pt idx="71" formatCode="General">
                  <c:v>98.5</c:v>
                </c:pt>
                <c:pt idx="72" formatCode="General">
                  <c:v>100.1</c:v>
                </c:pt>
                <c:pt idx="73" formatCode="General">
                  <c:v>99.2</c:v>
                </c:pt>
                <c:pt idx="74" formatCode="General">
                  <c:v>99.7</c:v>
                </c:pt>
                <c:pt idx="75" formatCode="General">
                  <c:v>99.3</c:v>
                </c:pt>
                <c:pt idx="76" formatCode="General">
                  <c:v>98.5</c:v>
                </c:pt>
                <c:pt idx="77" formatCode="General">
                  <c:v>99.2</c:v>
                </c:pt>
                <c:pt idx="78" formatCode="General">
                  <c:v>99.8</c:v>
                </c:pt>
                <c:pt idx="79" formatCode="General">
                  <c:v>100.5</c:v>
                </c:pt>
                <c:pt idx="80" formatCode="General">
                  <c:v>100.8</c:v>
                </c:pt>
                <c:pt idx="81" formatCode="General">
                  <c:v>101.1</c:v>
                </c:pt>
                <c:pt idx="82" formatCode="General">
                  <c:v>102</c:v>
                </c:pt>
                <c:pt idx="83" formatCode="General">
                  <c:v>102</c:v>
                </c:pt>
                <c:pt idx="84" formatCode="General">
                  <c:v>100.9</c:v>
                </c:pt>
                <c:pt idx="85" formatCode="General">
                  <c:v>101.6</c:v>
                </c:pt>
                <c:pt idx="86" formatCode="General">
                  <c:v>101.5</c:v>
                </c:pt>
                <c:pt idx="87" formatCode="General">
                  <c:v>104.1</c:v>
                </c:pt>
                <c:pt idx="88" formatCode="General">
                  <c:v>102.3</c:v>
                </c:pt>
                <c:pt idx="89" formatCode="General">
                  <c:v>103.3</c:v>
                </c:pt>
                <c:pt idx="90" formatCode="General">
                  <c:v>102.5</c:v>
                </c:pt>
                <c:pt idx="91" formatCode="General">
                  <c:v>104</c:v>
                </c:pt>
                <c:pt idx="92" formatCode="General">
                  <c:v>102.9</c:v>
                </c:pt>
                <c:pt idx="93" formatCode="General">
                  <c:v>103.3</c:v>
                </c:pt>
                <c:pt idx="94" formatCode="General">
                  <c:v>104.2</c:v>
                </c:pt>
                <c:pt idx="95" formatCode="General">
                  <c:v>105.8</c:v>
                </c:pt>
                <c:pt idx="96" formatCode="General">
                  <c:v>101.4</c:v>
                </c:pt>
                <c:pt idx="97" formatCode="General">
                  <c:v>104</c:v>
                </c:pt>
                <c:pt idx="98" formatCode="General">
                  <c:v>105.1</c:v>
                </c:pt>
                <c:pt idx="99" formatCode="General">
                  <c:v>104.5</c:v>
                </c:pt>
                <c:pt idx="100" formatCode="General">
                  <c:v>104.8</c:v>
                </c:pt>
                <c:pt idx="101" formatCode="General">
                  <c:v>103.7</c:v>
                </c:pt>
                <c:pt idx="102" formatCode="General">
                  <c:v>103.8</c:v>
                </c:pt>
                <c:pt idx="103" formatCode="General">
                  <c:v>103.6</c:v>
                </c:pt>
                <c:pt idx="104" formatCode="General">
                  <c:v>103.5</c:v>
                </c:pt>
                <c:pt idx="105" formatCode="General">
                  <c:v>105.6</c:v>
                </c:pt>
                <c:pt idx="106" formatCode="General">
                  <c:v>104.6</c:v>
                </c:pt>
                <c:pt idx="107" formatCode="General">
                  <c:v>104.8</c:v>
                </c:pt>
                <c:pt idx="108" formatCode="General">
                  <c:v>102.3</c:v>
                </c:pt>
                <c:pt idx="109" formatCode="General">
                  <c:v>103.3</c:v>
                </c:pt>
                <c:pt idx="110" formatCode="General">
                  <c:v>102.9</c:v>
                </c:pt>
                <c:pt idx="111" formatCode="General">
                  <c:v>102.8</c:v>
                </c:pt>
                <c:pt idx="112" formatCode="General">
                  <c:v>104.2</c:v>
                </c:pt>
                <c:pt idx="113" formatCode="General">
                  <c:v>101.5</c:v>
                </c:pt>
                <c:pt idx="114" formatCode="General">
                  <c:v>102.3</c:v>
                </c:pt>
                <c:pt idx="115" formatCode="General">
                  <c:v>100.5</c:v>
                </c:pt>
                <c:pt idx="116" formatCode="General">
                  <c:v>102.3</c:v>
                </c:pt>
                <c:pt idx="117" formatCode="General">
                  <c:v>98.4</c:v>
                </c:pt>
                <c:pt idx="118" formatCode="General">
                  <c:v>97.7</c:v>
                </c:pt>
                <c:pt idx="119" formatCode="General">
                  <c:v>97.9</c:v>
                </c:pt>
                <c:pt idx="120" formatCode="General">
                  <c:v>99.8</c:v>
                </c:pt>
                <c:pt idx="121" formatCode="General">
                  <c:v>99.5</c:v>
                </c:pt>
                <c:pt idx="122" formatCode="General">
                  <c:v>95.8</c:v>
                </c:pt>
                <c:pt idx="123" formatCode="General">
                  <c:v>86.4</c:v>
                </c:pt>
                <c:pt idx="124" formatCode="General">
                  <c:v>78.7</c:v>
                </c:pt>
                <c:pt idx="125" formatCode="General">
                  <c:v>80.2</c:v>
                </c:pt>
                <c:pt idx="126" formatCode="General">
                  <c:v>87.2</c:v>
                </c:pt>
                <c:pt idx="127" formatCode="General">
                  <c:v>88.1</c:v>
                </c:pt>
                <c:pt idx="128" formatCode="General">
                  <c:v>91.5</c:v>
                </c:pt>
              </c:numCache>
            </c:numRef>
          </c:val>
          <c:smooth val="0"/>
          <c:extLst>
            <c:ext xmlns:c16="http://schemas.microsoft.com/office/drawing/2014/chart" uri="{C3380CC4-5D6E-409C-BE32-E72D297353CC}">
              <c16:uniqueId val="{00000001-BC9F-49B9-83D9-8717A5F4034C}"/>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80"/>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1026886928562596"/>
          <c:y val="2.7777777777777776E-2"/>
          <c:w val="0.85341574261098962"/>
          <c:h val="8.4491834354039064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2790972560716616E-2"/>
          <c:y val="8.8132002500207474E-2"/>
          <c:w val="0.87561922707741169"/>
          <c:h val="0.64015381684146466"/>
        </c:manualLayout>
      </c:layout>
      <c:lineChart>
        <c:grouping val="standard"/>
        <c:varyColors val="0"/>
        <c:ser>
          <c:idx val="1"/>
          <c:order val="0"/>
          <c:tx>
            <c:strRef>
              <c:f>グラフ!$C$5</c:f>
              <c:strCache>
                <c:ptCount val="1"/>
                <c:pt idx="0">
                  <c:v>東京都</c:v>
                </c:pt>
              </c:strCache>
            </c:strRef>
          </c:tx>
          <c:spPr>
            <a:ln w="22225">
              <a:solidFill>
                <a:srgbClr val="002060"/>
              </a:solidFill>
            </a:ln>
          </c:spPr>
          <c:marker>
            <c:symbol val="square"/>
            <c:size val="6"/>
            <c:spPr>
              <a:solidFill>
                <a:srgbClr val="002060"/>
              </a:solidFill>
              <a:ln>
                <a:solidFill>
                  <a:srgbClr val="002060"/>
                </a:solidFill>
              </a:ln>
            </c:spPr>
          </c:marker>
          <c:dLbls>
            <c:dLbl>
              <c:idx val="7"/>
              <c:layout>
                <c:manualLayout>
                  <c:x val="-5.4378193839909682E-2"/>
                  <c:y val="-2.109896859397984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675-4EBE-93FC-9D24201A3319}"/>
                </c:ext>
              </c:extLst>
            </c:dLbl>
            <c:dLbl>
              <c:idx val="8"/>
              <c:layout>
                <c:manualLayout>
                  <c:x val="-3.2193318715983257E-2"/>
                  <c:y val="2.34054238653132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675-4EBE-93FC-9D24201A3319}"/>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5:$L$5</c:f>
              <c:numCache>
                <c:formatCode>0.0_);[Red]\(0.0\)</c:formatCode>
                <c:ptCount val="9"/>
                <c:pt idx="0">
                  <c:v>1.7766255248759384</c:v>
                </c:pt>
                <c:pt idx="1">
                  <c:v>1.6102284954743973</c:v>
                </c:pt>
                <c:pt idx="2">
                  <c:v>1.6660577734665338</c:v>
                </c:pt>
                <c:pt idx="3">
                  <c:v>1.7</c:v>
                </c:pt>
                <c:pt idx="4">
                  <c:v>1.5</c:v>
                </c:pt>
                <c:pt idx="5">
                  <c:v>1.4</c:v>
                </c:pt>
                <c:pt idx="6" formatCode="General">
                  <c:v>1.4</c:v>
                </c:pt>
                <c:pt idx="7" formatCode="General">
                  <c:v>1.5</c:v>
                </c:pt>
                <c:pt idx="8" formatCode="General">
                  <c:v>1.6</c:v>
                </c:pt>
              </c:numCache>
            </c:numRef>
          </c:val>
          <c:smooth val="0"/>
          <c:extLst>
            <c:ext xmlns:c16="http://schemas.microsoft.com/office/drawing/2014/chart" uri="{C3380CC4-5D6E-409C-BE32-E72D297353CC}">
              <c16:uniqueId val="{00000002-6675-4EBE-93FC-9D24201A3319}"/>
            </c:ext>
          </c:extLst>
        </c:ser>
        <c:ser>
          <c:idx val="2"/>
          <c:order val="1"/>
          <c:tx>
            <c:strRef>
              <c:f>グラフ!$C$6</c:f>
              <c:strCache>
                <c:ptCount val="1"/>
                <c:pt idx="0">
                  <c:v>愛知県</c:v>
                </c:pt>
              </c:strCache>
            </c:strRef>
          </c:tx>
          <c:spPr>
            <a:ln w="22225">
              <a:solidFill>
                <a:srgbClr val="C00000"/>
              </a:solidFill>
            </a:ln>
          </c:spPr>
          <c:marker>
            <c:symbol val="diamond"/>
            <c:size val="6"/>
            <c:spPr>
              <a:solidFill>
                <a:srgbClr val="C00000"/>
              </a:solidFill>
              <a:ln>
                <a:solidFill>
                  <a:srgbClr val="C00000"/>
                </a:solidFill>
              </a:ln>
            </c:spPr>
          </c:marker>
          <c:dLbls>
            <c:dLbl>
              <c:idx val="0"/>
              <c:layout>
                <c:manualLayout>
                  <c:x val="-3.2193318715983257E-2"/>
                  <c:y val="6.84492563429571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675-4EBE-93FC-9D24201A3319}"/>
                </c:ext>
              </c:extLst>
            </c:dLbl>
            <c:dLbl>
              <c:idx val="1"/>
              <c:layout>
                <c:manualLayout>
                  <c:x val="-3.2193318715983257E-2"/>
                  <c:y val="6.38196267133274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675-4EBE-93FC-9D24201A3319}"/>
                </c:ext>
              </c:extLst>
            </c:dLbl>
            <c:dLbl>
              <c:idx val="2"/>
              <c:layout>
                <c:manualLayout>
                  <c:x val="-3.2193318715983223E-2"/>
                  <c:y val="9.62270341207349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675-4EBE-93FC-9D24201A3319}"/>
                </c:ext>
              </c:extLst>
            </c:dLbl>
            <c:dLbl>
              <c:idx val="3"/>
              <c:layout>
                <c:manualLayout>
                  <c:x val="-3.4210125545431118E-2"/>
                  <c:y val="5.91896325459317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675-4EBE-93FC-9D24201A3319}"/>
                </c:ext>
              </c:extLst>
            </c:dLbl>
            <c:dLbl>
              <c:idx val="4"/>
              <c:layout>
                <c:manualLayout>
                  <c:x val="-3.2193318715983257E-2"/>
                  <c:y val="5.91899970836979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675-4EBE-93FC-9D24201A3319}"/>
                </c:ext>
              </c:extLst>
            </c:dLbl>
            <c:dLbl>
              <c:idx val="5"/>
              <c:layout>
                <c:manualLayout>
                  <c:x val="-3.2193318715983334E-2"/>
                  <c:y val="-5.65507436570428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675-4EBE-93FC-9D24201A3319}"/>
                </c:ext>
              </c:extLst>
            </c:dLbl>
            <c:dLbl>
              <c:idx val="6"/>
              <c:layout>
                <c:manualLayout>
                  <c:x val="-3.2193318715983257E-2"/>
                  <c:y val="4.36346931649918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675-4EBE-93FC-9D24201A3319}"/>
                </c:ext>
              </c:extLst>
            </c:dLbl>
            <c:dLbl>
              <c:idx val="7"/>
              <c:layout>
                <c:manualLayout>
                  <c:x val="-3.2193318715983257E-2"/>
                  <c:y val="-3.32365301737869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675-4EBE-93FC-9D24201A3319}"/>
                </c:ext>
              </c:extLst>
            </c:dLbl>
            <c:dLbl>
              <c:idx val="8"/>
              <c:layout>
                <c:manualLayout>
                  <c:x val="-3.2193318715983257E-2"/>
                  <c:y val="-3.72823840337226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675-4EBE-93FC-9D24201A3319}"/>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6:$L$6</c:f>
              <c:numCache>
                <c:formatCode>0.0_);[Red]\(0.0\)</c:formatCode>
                <c:ptCount val="9"/>
                <c:pt idx="0">
                  <c:v>1.6209826914665388</c:v>
                </c:pt>
                <c:pt idx="1">
                  <c:v>1.5360633069381795</c:v>
                </c:pt>
                <c:pt idx="2">
                  <c:v>1.4245452216243915</c:v>
                </c:pt>
                <c:pt idx="3">
                  <c:v>1.5</c:v>
                </c:pt>
                <c:pt idx="4">
                  <c:v>1.3</c:v>
                </c:pt>
                <c:pt idx="5">
                  <c:v>1</c:v>
                </c:pt>
                <c:pt idx="6" formatCode="0.0">
                  <c:v>1.2</c:v>
                </c:pt>
                <c:pt idx="7" formatCode="General">
                  <c:v>1.1000000000000001</c:v>
                </c:pt>
                <c:pt idx="8" formatCode="General">
                  <c:v>1.1000000000000001</c:v>
                </c:pt>
              </c:numCache>
            </c:numRef>
          </c:val>
          <c:smooth val="0"/>
          <c:extLst>
            <c:ext xmlns:c16="http://schemas.microsoft.com/office/drawing/2014/chart" uri="{C3380CC4-5D6E-409C-BE32-E72D297353CC}">
              <c16:uniqueId val="{0000000C-6675-4EBE-93FC-9D24201A3319}"/>
            </c:ext>
          </c:extLst>
        </c:ser>
        <c:ser>
          <c:idx val="0"/>
          <c:order val="2"/>
          <c:tx>
            <c:strRef>
              <c:f>グラフ!$C$7</c:f>
              <c:strCache>
                <c:ptCount val="1"/>
                <c:pt idx="0">
                  <c:v>大阪府</c:v>
                </c:pt>
              </c:strCache>
            </c:strRef>
          </c:tx>
          <c:spPr>
            <a:ln w="22225">
              <a:solidFill>
                <a:srgbClr val="00B050"/>
              </a:solidFill>
            </a:ln>
          </c:spPr>
          <c:marker>
            <c:symbol val="circle"/>
            <c:size val="6"/>
            <c:spPr>
              <a:solidFill>
                <a:srgbClr val="00B050"/>
              </a:solidFill>
              <a:ln>
                <a:solidFill>
                  <a:srgbClr val="00B050"/>
                </a:solidFill>
              </a:ln>
            </c:spPr>
          </c:marker>
          <c:dLbls>
            <c:dLbl>
              <c:idx val="3"/>
              <c:layout>
                <c:manualLayout>
                  <c:x val="-3.3645419633185715E-2"/>
                  <c:y val="7.02548118985126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675-4EBE-93FC-9D24201A3319}"/>
                </c:ext>
              </c:extLst>
            </c:dLbl>
            <c:dLbl>
              <c:idx val="8"/>
              <c:layout>
                <c:manualLayout>
                  <c:x val="-3.5662226462633569E-2"/>
                  <c:y val="-6.40254780478978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675-4EBE-93FC-9D24201A3319}"/>
                </c:ext>
              </c:extLst>
            </c:dLbl>
            <c:spPr>
              <a:noFill/>
              <a:ln>
                <a:noFill/>
              </a:ln>
              <a:effectLst/>
            </c:spPr>
            <c:txPr>
              <a:bodyPr/>
              <a:lstStyle/>
              <a:p>
                <a:pPr>
                  <a:defRPr sz="1200" b="1"/>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7:$L$7</c:f>
              <c:numCache>
                <c:formatCode>0.0_);[Red]\(0.0\)</c:formatCode>
                <c:ptCount val="9"/>
                <c:pt idx="0">
                  <c:v>2.3000576011342995</c:v>
                </c:pt>
                <c:pt idx="1">
                  <c:v>2.18288411421138</c:v>
                </c:pt>
                <c:pt idx="2">
                  <c:v>2.1337383664143816</c:v>
                </c:pt>
                <c:pt idx="3">
                  <c:v>2.4</c:v>
                </c:pt>
                <c:pt idx="4">
                  <c:v>2.2000000000000002</c:v>
                </c:pt>
                <c:pt idx="5">
                  <c:v>1.9</c:v>
                </c:pt>
                <c:pt idx="6" formatCode="General">
                  <c:v>1.7</c:v>
                </c:pt>
                <c:pt idx="7" formatCode="General">
                  <c:v>1.6</c:v>
                </c:pt>
                <c:pt idx="8" formatCode="General">
                  <c:v>1.6</c:v>
                </c:pt>
              </c:numCache>
            </c:numRef>
          </c:val>
          <c:smooth val="0"/>
          <c:extLst>
            <c:ext xmlns:c16="http://schemas.microsoft.com/office/drawing/2014/chart" uri="{C3380CC4-5D6E-409C-BE32-E72D297353CC}">
              <c16:uniqueId val="{0000000F-6675-4EBE-93FC-9D24201A3319}"/>
            </c:ext>
          </c:extLst>
        </c:ser>
        <c:ser>
          <c:idx val="3"/>
          <c:order val="3"/>
          <c:tx>
            <c:strRef>
              <c:f>グラフ!$C$8</c:f>
              <c:strCache>
                <c:ptCount val="1"/>
                <c:pt idx="0">
                  <c:v>全国</c:v>
                </c:pt>
              </c:strCache>
            </c:strRef>
          </c:tx>
          <c:spPr>
            <a:ln w="22225">
              <a:solidFill>
                <a:srgbClr val="7030A0"/>
              </a:solidFill>
              <a:prstDash val="sysDot"/>
            </a:ln>
          </c:spPr>
          <c:marker>
            <c:symbol val="triangle"/>
            <c:size val="5"/>
            <c:spPr>
              <a:solidFill>
                <a:srgbClr val="7030A0"/>
              </a:solidFill>
              <a:ln>
                <a:solidFill>
                  <a:srgbClr val="7030A0"/>
                </a:solidFill>
              </a:ln>
            </c:spPr>
          </c:marker>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8:$L$8</c:f>
              <c:numCache>
                <c:formatCode>0.0_);[Red]\(0.0\)</c:formatCode>
                <c:ptCount val="9"/>
                <c:pt idx="0">
                  <c:v>1.6443678731200229</c:v>
                </c:pt>
                <c:pt idx="1">
                  <c:v>1.6067272026619612</c:v>
                </c:pt>
                <c:pt idx="2">
                  <c:v>1.5411722862215369</c:v>
                </c:pt>
                <c:pt idx="3">
                  <c:v>1.7</c:v>
                </c:pt>
                <c:pt idx="4">
                  <c:v>1.5</c:v>
                </c:pt>
                <c:pt idx="5">
                  <c:v>1.4</c:v>
                </c:pt>
                <c:pt idx="6" formatCode="General">
                  <c:v>1.4</c:v>
                </c:pt>
                <c:pt idx="7" formatCode="General">
                  <c:v>1.3</c:v>
                </c:pt>
                <c:pt idx="8" formatCode="General">
                  <c:v>1.4</c:v>
                </c:pt>
              </c:numCache>
            </c:numRef>
          </c:val>
          <c:smooth val="0"/>
          <c:extLst>
            <c:ext xmlns:c16="http://schemas.microsoft.com/office/drawing/2014/chart" uri="{C3380CC4-5D6E-409C-BE32-E72D297353CC}">
              <c16:uniqueId val="{00000010-6675-4EBE-93FC-9D24201A3319}"/>
            </c:ext>
          </c:extLst>
        </c:ser>
        <c:dLbls>
          <c:showLegendKey val="0"/>
          <c:showVal val="0"/>
          <c:showCatName val="0"/>
          <c:showSerName val="0"/>
          <c:showPercent val="0"/>
          <c:showBubbleSize val="0"/>
        </c:dLbls>
        <c:marker val="1"/>
        <c:smooth val="0"/>
        <c:axId val="108913408"/>
        <c:axId val="108915328"/>
      </c:lineChart>
      <c:catAx>
        <c:axId val="108913408"/>
        <c:scaling>
          <c:orientation val="minMax"/>
        </c:scaling>
        <c:delete val="0"/>
        <c:axPos val="b"/>
        <c:numFmt formatCode="General" sourceLinked="0"/>
        <c:majorTickMark val="out"/>
        <c:minorTickMark val="none"/>
        <c:tickLblPos val="nextTo"/>
        <c:crossAx val="108915328"/>
        <c:crosses val="autoZero"/>
        <c:auto val="1"/>
        <c:lblAlgn val="ctr"/>
        <c:lblOffset val="100"/>
        <c:noMultiLvlLbl val="0"/>
      </c:catAx>
      <c:valAx>
        <c:axId val="108915328"/>
        <c:scaling>
          <c:orientation val="minMax"/>
          <c:max val="2.5"/>
          <c:min val="1"/>
        </c:scaling>
        <c:delete val="0"/>
        <c:axPos val="l"/>
        <c:majorGridlines/>
        <c:numFmt formatCode="0.0_);[Red]\(0.0\)" sourceLinked="1"/>
        <c:majorTickMark val="out"/>
        <c:minorTickMark val="none"/>
        <c:tickLblPos val="nextTo"/>
        <c:crossAx val="108913408"/>
        <c:crosses val="autoZero"/>
        <c:crossBetween val="between"/>
        <c:majorUnit val="0.5"/>
      </c:valAx>
    </c:plotArea>
    <c:legend>
      <c:legendPos val="b"/>
      <c:layout>
        <c:manualLayout>
          <c:xMode val="edge"/>
          <c:yMode val="edge"/>
          <c:x val="4.4439138065448372E-2"/>
          <c:y val="0.89736493430598108"/>
          <c:w val="0.89769127392999504"/>
          <c:h val="8.3440724246332421E-2"/>
        </c:manualLayout>
      </c:layout>
      <c:overlay val="0"/>
    </c:legend>
    <c:plotVisOnly val="1"/>
    <c:dispBlanksAs val="gap"/>
    <c:showDLblsOverMax val="0"/>
  </c:chart>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776613315024411E-2"/>
          <c:y val="7.569120401907356E-2"/>
          <c:w val="0.88937167988289068"/>
          <c:h val="0.79915893222070844"/>
        </c:manualLayout>
      </c:layout>
      <c:lineChart>
        <c:grouping val="standard"/>
        <c:varyColors val="0"/>
        <c:ser>
          <c:idx val="0"/>
          <c:order val="0"/>
          <c:tx>
            <c:strRef>
              <c:f>'グラフ更新案（京都→愛知）'!$B$5</c:f>
              <c:strCache>
                <c:ptCount val="1"/>
                <c:pt idx="0">
                  <c:v>東京</c:v>
                </c:pt>
              </c:strCache>
            </c:strRef>
          </c:tx>
          <c:dLbls>
            <c:dLbl>
              <c:idx val="9"/>
              <c:layout>
                <c:manualLayout>
                  <c:x val="1.2737984791176028E-3"/>
                  <c:y val="-2.7032202370052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558-4DC9-B880-3CA93FA67F9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5:$L$5</c:f>
              <c:numCache>
                <c:formatCode>0.0_ </c:formatCode>
                <c:ptCount val="10"/>
                <c:pt idx="0">
                  <c:v>92.286406087858879</c:v>
                </c:pt>
                <c:pt idx="1">
                  <c:v>94.229428172942818</c:v>
                </c:pt>
                <c:pt idx="2">
                  <c:v>92.4</c:v>
                </c:pt>
                <c:pt idx="3">
                  <c:v>94.7</c:v>
                </c:pt>
                <c:pt idx="4">
                  <c:v>95.7</c:v>
                </c:pt>
                <c:pt idx="5">
                  <c:v>98.4</c:v>
                </c:pt>
                <c:pt idx="6">
                  <c:v>95.8</c:v>
                </c:pt>
                <c:pt idx="7">
                  <c:v>95.9</c:v>
                </c:pt>
                <c:pt idx="8">
                  <c:v>96.1</c:v>
                </c:pt>
                <c:pt idx="9">
                  <c:v>95.5</c:v>
                </c:pt>
              </c:numCache>
            </c:numRef>
          </c:val>
          <c:smooth val="0"/>
          <c:extLst>
            <c:ext xmlns:c16="http://schemas.microsoft.com/office/drawing/2014/chart" uri="{C3380CC4-5D6E-409C-BE32-E72D297353CC}">
              <c16:uniqueId val="{00000001-2558-4DC9-B880-3CA93FA67F94}"/>
            </c:ext>
          </c:extLst>
        </c:ser>
        <c:ser>
          <c:idx val="1"/>
          <c:order val="1"/>
          <c:tx>
            <c:strRef>
              <c:f>'グラフ更新案（京都→愛知）'!$B$6</c:f>
              <c:strCache>
                <c:ptCount val="1"/>
                <c:pt idx="0">
                  <c:v>愛知</c:v>
                </c:pt>
              </c:strCache>
            </c:strRef>
          </c:tx>
          <c:marker>
            <c:symbol val="circle"/>
            <c:size val="5"/>
          </c:marker>
          <c:dLbls>
            <c:dLbl>
              <c:idx val="9"/>
              <c:layout>
                <c:manualLayout>
                  <c:x val="-1.6853089738405058E-2"/>
                  <c:y val="-7.5758669701171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558-4DC9-B880-3CA93FA67F94}"/>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6:$L$6</c:f>
              <c:numCache>
                <c:formatCode>0.0_ </c:formatCode>
                <c:ptCount val="10"/>
                <c:pt idx="0">
                  <c:v>96.699445039431396</c:v>
                </c:pt>
                <c:pt idx="1">
                  <c:v>97.438039543302693</c:v>
                </c:pt>
                <c:pt idx="2">
                  <c:v>96.9</c:v>
                </c:pt>
                <c:pt idx="3">
                  <c:v>98.2</c:v>
                </c:pt>
                <c:pt idx="4">
                  <c:v>98.9</c:v>
                </c:pt>
                <c:pt idx="5">
                  <c:v>98.4</c:v>
                </c:pt>
                <c:pt idx="6">
                  <c:v>98.8</c:v>
                </c:pt>
                <c:pt idx="7">
                  <c:v>99</c:v>
                </c:pt>
                <c:pt idx="8">
                  <c:v>99.1</c:v>
                </c:pt>
                <c:pt idx="9">
                  <c:v>98.9</c:v>
                </c:pt>
              </c:numCache>
            </c:numRef>
          </c:val>
          <c:smooth val="0"/>
          <c:extLst>
            <c:ext xmlns:c16="http://schemas.microsoft.com/office/drawing/2014/chart" uri="{C3380CC4-5D6E-409C-BE32-E72D297353CC}">
              <c16:uniqueId val="{00000003-2558-4DC9-B880-3CA93FA67F94}"/>
            </c:ext>
          </c:extLst>
        </c:ser>
        <c:ser>
          <c:idx val="2"/>
          <c:order val="2"/>
          <c:tx>
            <c:strRef>
              <c:f>'グラフ更新案（京都→愛知）'!$B$7</c:f>
              <c:strCache>
                <c:ptCount val="1"/>
                <c:pt idx="0">
                  <c:v>大阪</c:v>
                </c:pt>
              </c:strCache>
            </c:strRef>
          </c:tx>
          <c:spPr>
            <a:ln w="22225">
              <a:solidFill>
                <a:srgbClr val="002060"/>
              </a:solidFill>
            </a:ln>
          </c:spPr>
          <c:marker>
            <c:symbol val="square"/>
            <c:size val="7"/>
            <c:spPr>
              <a:solidFill>
                <a:srgbClr val="002060"/>
              </a:solidFill>
              <a:ln>
                <a:solidFill>
                  <a:srgbClr val="002060"/>
                </a:solidFill>
              </a:ln>
            </c:spPr>
          </c:marker>
          <c:dLbls>
            <c:dLbl>
              <c:idx val="0"/>
              <c:layout>
                <c:manualLayout>
                  <c:x val="-4.6207705909873047E-2"/>
                  <c:y val="-5.9341303267324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558-4DC9-B880-3CA93FA67F94}"/>
                </c:ext>
              </c:extLst>
            </c:dLbl>
            <c:dLbl>
              <c:idx val="2"/>
              <c:layout>
                <c:manualLayout>
                  <c:x val="-1.4838991047569205E-2"/>
                  <c:y val="-4.3842659202483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558-4DC9-B880-3CA93FA67F94}"/>
                </c:ext>
              </c:extLst>
            </c:dLbl>
            <c:dLbl>
              <c:idx val="3"/>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558-4DC9-B880-3CA93FA67F94}"/>
                </c:ext>
              </c:extLst>
            </c:dLbl>
            <c:dLbl>
              <c:idx val="4"/>
              <c:layout>
                <c:manualLayout>
                  <c:x val="-3.6994076646763567E-2"/>
                  <c:y val="4.91805966114700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558-4DC9-B880-3CA93FA67F94}"/>
                </c:ext>
              </c:extLst>
            </c:dLbl>
            <c:dLbl>
              <c:idx val="5"/>
              <c:layout>
                <c:manualLayout>
                  <c:x val="-3.6994076646763491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558-4DC9-B880-3CA93FA67F94}"/>
                </c:ext>
              </c:extLst>
            </c:dLbl>
            <c:dLbl>
              <c:idx val="6"/>
              <c:layout>
                <c:manualLayout>
                  <c:x val="-3.6994076646763567E-2"/>
                  <c:y val="3.58915600666195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558-4DC9-B880-3CA93FA67F94}"/>
                </c:ext>
              </c:extLst>
            </c:dLbl>
            <c:dLbl>
              <c:idx val="7"/>
              <c:layout>
                <c:manualLayout>
                  <c:x val="-3.6994076646763567E-2"/>
                  <c:y val="4.91805966114700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558-4DC9-B880-3CA93FA67F94}"/>
                </c:ext>
              </c:extLst>
            </c:dLbl>
            <c:dLbl>
              <c:idx val="8"/>
              <c:layout>
                <c:manualLayout>
                  <c:x val="-3.900817533759942E-2"/>
                  <c:y val="4.032123891490307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558-4DC9-B880-3CA93FA67F94}"/>
                </c:ext>
              </c:extLst>
            </c:dLbl>
            <c:dLbl>
              <c:idx val="9"/>
              <c:layout>
                <c:manualLayout>
                  <c:x val="-2.6915226305349645E-2"/>
                  <c:y val="4.64771372615804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558-4DC9-B880-3CA93FA67F94}"/>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7:$L$7</c:f>
              <c:numCache>
                <c:formatCode>0.0_ </c:formatCode>
                <c:ptCount val="10"/>
                <c:pt idx="0">
                  <c:v>87.878413443716795</c:v>
                </c:pt>
                <c:pt idx="1">
                  <c:v>90.479616306954441</c:v>
                </c:pt>
                <c:pt idx="2">
                  <c:v>93.3</c:v>
                </c:pt>
                <c:pt idx="3">
                  <c:v>93</c:v>
                </c:pt>
                <c:pt idx="4">
                  <c:v>94.7</c:v>
                </c:pt>
                <c:pt idx="5">
                  <c:v>94.5</c:v>
                </c:pt>
                <c:pt idx="6">
                  <c:v>95.1</c:v>
                </c:pt>
                <c:pt idx="7">
                  <c:v>94.9</c:v>
                </c:pt>
                <c:pt idx="8">
                  <c:v>95.2</c:v>
                </c:pt>
                <c:pt idx="9">
                  <c:v>94.3</c:v>
                </c:pt>
              </c:numCache>
            </c:numRef>
          </c:val>
          <c:smooth val="0"/>
          <c:extLst>
            <c:ext xmlns:c16="http://schemas.microsoft.com/office/drawing/2014/chart" uri="{C3380CC4-5D6E-409C-BE32-E72D297353CC}">
              <c16:uniqueId val="{0000000D-2558-4DC9-B880-3CA93FA67F94}"/>
            </c:ext>
          </c:extLst>
        </c:ser>
        <c:ser>
          <c:idx val="3"/>
          <c:order val="3"/>
          <c:tx>
            <c:strRef>
              <c:f>'グラフ更新案（京都→愛知）'!$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558-4DC9-B880-3CA93FA67F94}"/>
                </c:ext>
              </c:extLst>
            </c:dLbl>
            <c:dLbl>
              <c:idx val="1"/>
              <c:layout>
                <c:manualLayout>
                  <c:x val="-9.7297083147625408E-3"/>
                  <c:y val="1.10994459025954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558-4DC9-B880-3CA93FA67F94}"/>
                </c:ext>
              </c:extLst>
            </c:dLbl>
            <c:dLbl>
              <c:idx val="2"/>
              <c:layout>
                <c:manualLayout>
                  <c:x val="-6.205834542585504E-2"/>
                  <c:y val="-2.25076516598215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558-4DC9-B880-3CA93FA67F94}"/>
                </c:ext>
              </c:extLst>
            </c:dLbl>
            <c:dLbl>
              <c:idx val="3"/>
              <c:layout>
                <c:manualLayout>
                  <c:x val="-3.639175012489005E-2"/>
                  <c:y val="3.48476207915870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558-4DC9-B880-3CA93FA67F94}"/>
                </c:ext>
              </c:extLst>
            </c:dLbl>
            <c:dLbl>
              <c:idx val="4"/>
              <c:layout>
                <c:manualLayout>
                  <c:x val="-4.494983410092606E-2"/>
                  <c:y val="3.42475940507436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558-4DC9-B880-3CA93FA67F94}"/>
                </c:ext>
              </c:extLst>
            </c:dLbl>
            <c:dLbl>
              <c:idx val="5"/>
              <c:layout>
                <c:manualLayout>
                  <c:x val="-4.494983410092606E-2"/>
                  <c:y val="4.81364829396325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2558-4DC9-B880-3CA93FA67F94}"/>
                </c:ext>
              </c:extLst>
            </c:dLbl>
            <c:dLbl>
              <c:idx val="6"/>
              <c:layout>
                <c:manualLayout>
                  <c:x val="-3.3972928610509788E-2"/>
                  <c:y val="3.7198140930058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558-4DC9-B880-3CA93FA67F94}"/>
                </c:ext>
              </c:extLst>
            </c:dLbl>
            <c:dLbl>
              <c:idx val="7"/>
              <c:layout>
                <c:manualLayout>
                  <c:x val="-4.0015224683017339E-2"/>
                  <c:y val="3.27684620817746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558-4DC9-B880-3CA93FA67F94}"/>
                </c:ext>
              </c:extLst>
            </c:dLbl>
            <c:dLbl>
              <c:idx val="8"/>
              <c:layout>
                <c:manualLayout>
                  <c:x val="-4.0015224683017339E-2"/>
                  <c:y val="3.276846208177466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558-4DC9-B880-3CA93FA67F94}"/>
                </c:ext>
              </c:extLst>
            </c:dLbl>
            <c:dLbl>
              <c:idx val="9"/>
              <c:layout>
                <c:manualLayout>
                  <c:x val="-4.0015224683017339E-2"/>
                  <c:y val="4.16278197783416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558-4DC9-B880-3CA93FA67F94}"/>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L$4</c:f>
              <c:strCache>
                <c:ptCount val="10"/>
                <c:pt idx="0">
                  <c:v>2011.3卒業</c:v>
                </c:pt>
                <c:pt idx="1">
                  <c:v>2012.3卒業</c:v>
                </c:pt>
                <c:pt idx="2">
                  <c:v>2013.3卒業</c:v>
                </c:pt>
                <c:pt idx="3">
                  <c:v>2014.3卒業</c:v>
                </c:pt>
                <c:pt idx="4">
                  <c:v>2015.3卒業</c:v>
                </c:pt>
                <c:pt idx="5">
                  <c:v>2016.3卒業</c:v>
                </c:pt>
                <c:pt idx="6">
                  <c:v>2017.3卒業</c:v>
                </c:pt>
                <c:pt idx="7">
                  <c:v>2018.3卒業</c:v>
                </c:pt>
                <c:pt idx="8">
                  <c:v>2019.3卒業</c:v>
                </c:pt>
                <c:pt idx="9">
                  <c:v>2020.3卒業</c:v>
                </c:pt>
              </c:strCache>
            </c:strRef>
          </c:cat>
          <c:val>
            <c:numRef>
              <c:f>'グラフ更新案（京都→愛知）'!$C$8:$L$8</c:f>
              <c:numCache>
                <c:formatCode>0.0_ </c:formatCode>
                <c:ptCount val="10"/>
                <c:pt idx="0">
                  <c:v>93.191445057564493</c:v>
                </c:pt>
                <c:pt idx="1">
                  <c:v>94.821013532593298</c:v>
                </c:pt>
                <c:pt idx="2">
                  <c:v>95.8</c:v>
                </c:pt>
                <c:pt idx="3">
                  <c:v>96.6</c:v>
                </c:pt>
                <c:pt idx="4">
                  <c:v>97.5</c:v>
                </c:pt>
                <c:pt idx="5">
                  <c:v>97.7</c:v>
                </c:pt>
                <c:pt idx="6">
                  <c:v>98</c:v>
                </c:pt>
                <c:pt idx="7">
                  <c:v>98.1</c:v>
                </c:pt>
                <c:pt idx="8">
                  <c:v>98.2</c:v>
                </c:pt>
                <c:pt idx="9">
                  <c:v>98.1</c:v>
                </c:pt>
              </c:numCache>
            </c:numRef>
          </c:val>
          <c:smooth val="0"/>
          <c:extLst>
            <c:ext xmlns:c16="http://schemas.microsoft.com/office/drawing/2014/chart" uri="{C3380CC4-5D6E-409C-BE32-E72D297353CC}">
              <c16:uniqueId val="{00000018-2558-4DC9-B880-3CA93FA67F94}"/>
            </c:ext>
          </c:extLst>
        </c:ser>
        <c:dLbls>
          <c:showLegendKey val="0"/>
          <c:showVal val="0"/>
          <c:showCatName val="0"/>
          <c:showSerName val="0"/>
          <c:showPercent val="0"/>
          <c:showBubbleSize val="0"/>
        </c:dLbls>
        <c:marker val="1"/>
        <c:smooth val="0"/>
        <c:axId val="134036480"/>
        <c:axId val="134058752"/>
      </c:lineChart>
      <c:catAx>
        <c:axId val="134036480"/>
        <c:scaling>
          <c:orientation val="minMax"/>
        </c:scaling>
        <c:delete val="0"/>
        <c:axPos val="b"/>
        <c:numFmt formatCode="General" sourceLinked="0"/>
        <c:majorTickMark val="out"/>
        <c:minorTickMark val="none"/>
        <c:tickLblPos val="nextTo"/>
        <c:txPr>
          <a:bodyPr/>
          <a:lstStyle/>
          <a:p>
            <a:pPr>
              <a:defRPr sz="900"/>
            </a:pPr>
            <a:endParaRPr lang="ja-JP"/>
          </a:p>
        </c:txPr>
        <c:crossAx val="134058752"/>
        <c:crosses val="autoZero"/>
        <c:auto val="1"/>
        <c:lblAlgn val="ctr"/>
        <c:lblOffset val="100"/>
        <c:noMultiLvlLbl val="0"/>
      </c:catAx>
      <c:valAx>
        <c:axId val="134058752"/>
        <c:scaling>
          <c:orientation val="minMax"/>
          <c:max val="100"/>
          <c:min val="85"/>
        </c:scaling>
        <c:delete val="0"/>
        <c:axPos val="l"/>
        <c:majorGridlines/>
        <c:numFmt formatCode="0.0_ " sourceLinked="1"/>
        <c:majorTickMark val="out"/>
        <c:minorTickMark val="none"/>
        <c:tickLblPos val="nextTo"/>
        <c:crossAx val="134036480"/>
        <c:crosses val="autoZero"/>
        <c:crossBetween val="between"/>
        <c:majorUnit val="5"/>
      </c:valAx>
    </c:plotArea>
    <c:legend>
      <c:legendPos val="b"/>
      <c:overlay val="0"/>
    </c:legend>
    <c:plotVisOnly val="1"/>
    <c:dispBlanksAs val="gap"/>
    <c:showDLblsOverMax val="0"/>
  </c:chart>
  <c:externalData r:id="rId1">
    <c:autoUpdate val="0"/>
  </c:externalData>
  <c:userShapes r:id="rId2"/>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1.2500000000000001E-2"/>
          <c:y val="0.13657407407407407"/>
          <c:w val="0.46388888888888891"/>
          <c:h val="0.77314814814814814"/>
        </c:manualLayout>
      </c:layout>
      <c:pieChart>
        <c:varyColors val="1"/>
        <c:ser>
          <c:idx val="0"/>
          <c:order val="0"/>
          <c:dPt>
            <c:idx val="0"/>
            <c:bubble3D val="0"/>
            <c:spPr>
              <a:solidFill>
                <a:schemeClr val="accent5">
                  <a:lumMod val="40000"/>
                  <a:lumOff val="60000"/>
                </a:schemeClr>
              </a:solidFill>
              <a:ln>
                <a:solidFill>
                  <a:schemeClr val="tx1"/>
                </a:solidFill>
              </a:ln>
            </c:spPr>
            <c:extLst>
              <c:ext xmlns:c16="http://schemas.microsoft.com/office/drawing/2014/chart" uri="{C3380CC4-5D6E-409C-BE32-E72D297353CC}">
                <c16:uniqueId val="{00000001-27B8-4B05-8203-ACB6B67EDA41}"/>
              </c:ext>
            </c:extLst>
          </c:dPt>
          <c:dPt>
            <c:idx val="1"/>
            <c:bubble3D val="0"/>
            <c:spPr>
              <a:noFill/>
              <a:ln>
                <a:solidFill>
                  <a:schemeClr val="tx1"/>
                </a:solidFill>
              </a:ln>
            </c:spPr>
            <c:extLst>
              <c:ext xmlns:c16="http://schemas.microsoft.com/office/drawing/2014/chart" uri="{C3380CC4-5D6E-409C-BE32-E72D297353CC}">
                <c16:uniqueId val="{00000003-27B8-4B05-8203-ACB6B67EDA41}"/>
              </c:ext>
            </c:extLst>
          </c:dPt>
          <c:dLbls>
            <c:dLbl>
              <c:idx val="0"/>
              <c:tx>
                <c:rich>
                  <a:bodyPr/>
                  <a:lstStyle/>
                  <a:p>
                    <a:r>
                      <a:rPr lang="ja-JP" altLang="en-US" dirty="0">
                        <a:solidFill>
                          <a:schemeClr val="tx1"/>
                        </a:solidFill>
                      </a:rPr>
                      <a:t>その他</a:t>
                    </a:r>
                    <a:r>
                      <a:rPr lang="en-US" altLang="ja-JP" dirty="0">
                        <a:solidFill>
                          <a:schemeClr val="tx1"/>
                        </a:solidFill>
                      </a:rPr>
                      <a:t>,</a:t>
                    </a:r>
                  </a:p>
                  <a:p>
                    <a:r>
                      <a:rPr lang="en-US" altLang="ja-JP" dirty="0" smtClean="0">
                        <a:solidFill>
                          <a:schemeClr val="tx1"/>
                        </a:solidFill>
                      </a:rPr>
                      <a:t>5,264</a:t>
                    </a:r>
                    <a:r>
                      <a:rPr lang="ja-JP" altLang="en-US" dirty="0" smtClean="0">
                        <a:solidFill>
                          <a:schemeClr val="tx1"/>
                        </a:solidFill>
                      </a:rPr>
                      <a:t>人</a:t>
                    </a:r>
                    <a:endParaRPr lang="ja-JP" altLang="en-US" dirty="0">
                      <a:solidFill>
                        <a:schemeClr val="tx1"/>
                      </a:solidFill>
                    </a:endParaRPr>
                  </a:p>
                  <a:p>
                    <a:r>
                      <a:rPr lang="ja-JP" altLang="en-US" dirty="0" smtClean="0">
                        <a:solidFill>
                          <a:schemeClr val="tx1"/>
                        </a:solidFill>
                      </a:rPr>
                      <a:t>（</a:t>
                    </a:r>
                    <a:r>
                      <a:rPr lang="en-US" altLang="ja-JP" dirty="0" smtClean="0">
                        <a:solidFill>
                          <a:schemeClr val="tx1"/>
                        </a:solidFill>
                      </a:rPr>
                      <a:t>12.6%</a:t>
                    </a:r>
                    <a:r>
                      <a:rPr lang="ja-JP" altLang="en-US" dirty="0">
                        <a:solidFill>
                          <a:schemeClr val="tx1"/>
                        </a:solidFill>
                      </a:rPr>
                      <a:t>）</a:t>
                    </a:r>
                  </a:p>
                </c:rich>
              </c:tx>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7B8-4B05-8203-ACB6B67EDA41}"/>
                </c:ext>
              </c:extLst>
            </c:dLbl>
            <c:dLbl>
              <c:idx val="1"/>
              <c:layout>
                <c:manualLayout>
                  <c:x val="8.7999999999999995E-2"/>
                  <c:y val="-0.2363192621755614"/>
                </c:manualLayout>
              </c:layout>
              <c:tx>
                <c:rich>
                  <a:bodyPr/>
                  <a:lstStyle/>
                  <a:p>
                    <a:r>
                      <a:rPr lang="zh-TW" altLang="en-US" dirty="0">
                        <a:solidFill>
                          <a:schemeClr val="tx1"/>
                        </a:solidFill>
                      </a:rPr>
                      <a:t>正規職員</a:t>
                    </a:r>
                    <a:r>
                      <a:rPr lang="en-US" altLang="zh-TW" dirty="0">
                        <a:solidFill>
                          <a:schemeClr val="tx1"/>
                        </a:solidFill>
                      </a:rPr>
                      <a:t>,</a:t>
                    </a:r>
                  </a:p>
                  <a:p>
                    <a:r>
                      <a:rPr lang="en-US" altLang="zh-TW" dirty="0" smtClean="0">
                        <a:solidFill>
                          <a:schemeClr val="tx1"/>
                        </a:solidFill>
                      </a:rPr>
                      <a:t>36,602</a:t>
                    </a:r>
                    <a:r>
                      <a:rPr lang="zh-TW" altLang="en-US" dirty="0" smtClean="0">
                        <a:solidFill>
                          <a:schemeClr val="tx1"/>
                        </a:solidFill>
                      </a:rPr>
                      <a:t>人</a:t>
                    </a:r>
                    <a:endParaRPr lang="zh-TW" altLang="en-US" dirty="0">
                      <a:solidFill>
                        <a:schemeClr val="tx1"/>
                      </a:solidFill>
                    </a:endParaRPr>
                  </a:p>
                  <a:p>
                    <a:r>
                      <a:rPr lang="zh-TW" altLang="en-US" dirty="0" smtClean="0">
                        <a:solidFill>
                          <a:schemeClr val="tx1"/>
                        </a:solidFill>
                      </a:rPr>
                      <a:t>（</a:t>
                    </a:r>
                    <a:r>
                      <a:rPr lang="en-US" altLang="zh-TW" dirty="0" smtClean="0">
                        <a:solidFill>
                          <a:schemeClr val="tx1"/>
                        </a:solidFill>
                      </a:rPr>
                      <a:t>87.4</a:t>
                    </a:r>
                    <a:r>
                      <a:rPr lang="zh-TW" altLang="en-US" dirty="0" smtClean="0">
                        <a:solidFill>
                          <a:schemeClr val="tx1"/>
                        </a:solidFill>
                      </a:rPr>
                      <a:t>％</a:t>
                    </a:r>
                    <a:r>
                      <a:rPr lang="zh-TW" altLang="en-US" dirty="0">
                        <a:solidFill>
                          <a:schemeClr val="tx1"/>
                        </a:solidFill>
                      </a:rPr>
                      <a:t>）</a:t>
                    </a:r>
                  </a:p>
                </c:rich>
              </c:tx>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7B8-4B05-8203-ACB6B67EDA41}"/>
                </c:ext>
              </c:extLst>
            </c:dLbl>
            <c:spPr>
              <a:noFill/>
              <a:ln>
                <a:noFill/>
              </a:ln>
              <a:effectLst/>
            </c:spPr>
            <c:txPr>
              <a:bodyPr wrap="square" lIns="38100" tIns="19050" rIns="38100" bIns="19050" anchor="ctr">
                <a:spAutoFit/>
              </a:bodyPr>
              <a:lstStyle/>
              <a:p>
                <a:pPr>
                  <a:defRPr>
                    <a:solidFill>
                      <a:schemeClr val="tx1"/>
                    </a:solidFill>
                  </a:defRPr>
                </a:pPr>
                <a:endParaRPr lang="ja-JP"/>
              </a:p>
            </c:txPr>
            <c:dLblPos val="bestFit"/>
            <c:showLegendKey val="0"/>
            <c:showVal val="1"/>
            <c:showCatName val="0"/>
            <c:showSerName val="0"/>
            <c:showPercent val="0"/>
            <c:showBubbleSize val="0"/>
            <c:showLeaderLines val="1"/>
            <c:extLst>
              <c:ext xmlns:c15="http://schemas.microsoft.com/office/drawing/2012/chart" uri="{CE6537A1-D6FC-4f65-9D91-7224C49458BB}"/>
            </c:extLst>
          </c:dLbls>
          <c:cat>
            <c:strRef>
              <c:f>'グラフ（H30）'!$B$5:$C$5</c:f>
              <c:strCache>
                <c:ptCount val="2"/>
                <c:pt idx="0">
                  <c:v>その他</c:v>
                </c:pt>
                <c:pt idx="1">
                  <c:v>正規職員</c:v>
                </c:pt>
              </c:strCache>
            </c:strRef>
          </c:cat>
          <c:val>
            <c:numRef>
              <c:f>'グラフ（H30）'!$B$6:$C$6</c:f>
              <c:numCache>
                <c:formatCode>#,##0;0;"－"</c:formatCode>
                <c:ptCount val="2"/>
                <c:pt idx="0">
                  <c:v>5867</c:v>
                </c:pt>
                <c:pt idx="1">
                  <c:v>34788</c:v>
                </c:pt>
              </c:numCache>
            </c:numRef>
          </c:val>
          <c:extLst>
            <c:ext xmlns:c16="http://schemas.microsoft.com/office/drawing/2014/chart" uri="{C3380CC4-5D6E-409C-BE32-E72D297353CC}">
              <c16:uniqueId val="{00000004-27B8-4B05-8203-ACB6B67EDA41}"/>
            </c:ext>
          </c:extLst>
        </c:ser>
        <c:dLbls>
          <c:showLegendKey val="0"/>
          <c:showVal val="1"/>
          <c:showCatName val="1"/>
          <c:showSerName val="0"/>
          <c:showPercent val="0"/>
          <c:showBubbleSize val="0"/>
          <c:showLeaderLines val="1"/>
        </c:dLbls>
        <c:firstSliceAng val="0"/>
      </c:pieChart>
    </c:plotArea>
    <c:plotVisOnly val="1"/>
    <c:dispBlanksAs val="gap"/>
    <c:showDLblsOverMax val="0"/>
  </c:chart>
  <c:externalData r:id="rId1">
    <c:autoUpdate val="0"/>
  </c:externalData>
  <c:userShapes r:id="rId2"/>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0611987455867969E-2"/>
          <c:y val="0.14081497002531621"/>
          <c:w val="0.50120379292116868"/>
          <c:h val="0.80216162857933193"/>
        </c:manualLayout>
      </c:layout>
      <c:pieChart>
        <c:varyColors val="1"/>
        <c:ser>
          <c:idx val="0"/>
          <c:order val="0"/>
          <c:spPr>
            <a:ln>
              <a:solidFill>
                <a:schemeClr val="tx1"/>
              </a:solidFill>
            </a:ln>
          </c:spPr>
          <c:dPt>
            <c:idx val="1"/>
            <c:bubble3D val="0"/>
            <c:spPr>
              <a:pattFill prst="pct75">
                <a:fgClr>
                  <a:srgbClr val="92D050"/>
                </a:fgClr>
                <a:bgClr>
                  <a:schemeClr val="bg1"/>
                </a:bgClr>
              </a:pattFill>
              <a:ln>
                <a:solidFill>
                  <a:schemeClr val="tx1"/>
                </a:solidFill>
              </a:ln>
            </c:spPr>
            <c:extLst>
              <c:ext xmlns:c16="http://schemas.microsoft.com/office/drawing/2014/chart" uri="{C3380CC4-5D6E-409C-BE32-E72D297353CC}">
                <c16:uniqueId val="{00000001-7E00-4277-9363-743902271227}"/>
              </c:ext>
            </c:extLst>
          </c:dPt>
          <c:dPt>
            <c:idx val="2"/>
            <c:bubble3D val="0"/>
            <c:spPr>
              <a:pattFill prst="ltUpDiag">
                <a:fgClr>
                  <a:srgbClr val="FFC000"/>
                </a:fgClr>
                <a:bgClr>
                  <a:schemeClr val="bg1"/>
                </a:bgClr>
              </a:pattFill>
              <a:ln>
                <a:solidFill>
                  <a:schemeClr val="tx1"/>
                </a:solidFill>
              </a:ln>
            </c:spPr>
            <c:extLst>
              <c:ext xmlns:c16="http://schemas.microsoft.com/office/drawing/2014/chart" uri="{C3380CC4-5D6E-409C-BE32-E72D297353CC}">
                <c16:uniqueId val="{00000003-7E00-4277-9363-743902271227}"/>
              </c:ext>
            </c:extLst>
          </c:dPt>
          <c:dPt>
            <c:idx val="3"/>
            <c:bubble3D val="0"/>
            <c:spPr>
              <a:pattFill prst="ltHorz">
                <a:fgClr>
                  <a:srgbClr val="7030A0"/>
                </a:fgClr>
                <a:bgClr>
                  <a:schemeClr val="bg1"/>
                </a:bgClr>
              </a:pattFill>
              <a:ln>
                <a:solidFill>
                  <a:schemeClr val="tx1"/>
                </a:solidFill>
              </a:ln>
            </c:spPr>
            <c:extLst>
              <c:ext xmlns:c16="http://schemas.microsoft.com/office/drawing/2014/chart" uri="{C3380CC4-5D6E-409C-BE32-E72D297353CC}">
                <c16:uniqueId val="{00000005-7E00-4277-9363-743902271227}"/>
              </c:ext>
            </c:extLst>
          </c:dPt>
          <c:dPt>
            <c:idx val="6"/>
            <c:bubble3D val="0"/>
            <c:spPr>
              <a:pattFill prst="pct10">
                <a:fgClr>
                  <a:schemeClr val="accent2">
                    <a:lumMod val="75000"/>
                  </a:schemeClr>
                </a:fgClr>
                <a:bgClr>
                  <a:schemeClr val="bg1"/>
                </a:bgClr>
              </a:pattFill>
              <a:ln>
                <a:solidFill>
                  <a:schemeClr val="tx1"/>
                </a:solidFill>
              </a:ln>
            </c:spPr>
            <c:extLst>
              <c:ext xmlns:c16="http://schemas.microsoft.com/office/drawing/2014/chart" uri="{C3380CC4-5D6E-409C-BE32-E72D297353CC}">
                <c16:uniqueId val="{00000007-7E00-4277-9363-743902271227}"/>
              </c:ext>
            </c:extLst>
          </c:dPt>
          <c:dLbls>
            <c:dLbl>
              <c:idx val="0"/>
              <c:layout>
                <c:manualLayout>
                  <c:x val="-0.19803370057462868"/>
                  <c:y val="-0.1238453401640793"/>
                </c:manualLayout>
              </c:layout>
              <c:tx>
                <c:rich>
                  <a:bodyPr wrap="square" lIns="38100" tIns="19050" rIns="38100" bIns="19050" anchor="ctr">
                    <a:noAutofit/>
                  </a:bodyPr>
                  <a:lstStyle/>
                  <a:p>
                    <a:pPr>
                      <a:defRPr>
                        <a:solidFill>
                          <a:schemeClr val="tx1"/>
                        </a:solidFill>
                      </a:defRPr>
                    </a:pPr>
                    <a:r>
                      <a:rPr lang="en-US" altLang="ja-JP">
                        <a:solidFill>
                          <a:schemeClr val="tx1"/>
                        </a:solidFill>
                      </a:rPr>
                      <a:t>①44,029</a:t>
                    </a:r>
                  </a:p>
                  <a:p>
                    <a:pPr>
                      <a:defRPr>
                        <a:solidFill>
                          <a:schemeClr val="tx1"/>
                        </a:solidFill>
                      </a:defRPr>
                    </a:pPr>
                    <a:fld id="{6CB01827-7600-4C89-9096-8D16E02DC1A1}" type="VALUE">
                      <a:rPr lang="en-US" altLang="ja-JP">
                        <a:solidFill>
                          <a:schemeClr val="tx1"/>
                        </a:solidFill>
                      </a:rPr>
                      <a:pPr>
                        <a:defRPr>
                          <a:solidFill>
                            <a:schemeClr val="tx1"/>
                          </a:solidFill>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5515765520251909"/>
                      <c:h val="0.17505554059970252"/>
                    </c:manualLayout>
                  </c15:layout>
                  <c15:dlblFieldTable/>
                  <c15:showDataLabelsRange val="0"/>
                </c:ext>
                <c:ext xmlns:c16="http://schemas.microsoft.com/office/drawing/2014/chart" uri="{C3380CC4-5D6E-409C-BE32-E72D297353CC}">
                  <c16:uniqueId val="{00000008-7E00-4277-9363-743902271227}"/>
                </c:ext>
              </c:extLst>
            </c:dLbl>
            <c:dLbl>
              <c:idx val="1"/>
              <c:layout>
                <c:manualLayout>
                  <c:x val="0.10446388266045019"/>
                  <c:y val="-7.5076116227825687E-2"/>
                </c:manualLayout>
              </c:layout>
              <c:tx>
                <c:rich>
                  <a:bodyPr wrap="square" lIns="38100" tIns="19050" rIns="38100" bIns="19050" anchor="ctr">
                    <a:noAutofit/>
                  </a:bodyPr>
                  <a:lstStyle/>
                  <a:p>
                    <a:pPr>
                      <a:defRPr>
                        <a:solidFill>
                          <a:schemeClr val="tx1"/>
                        </a:solidFill>
                      </a:defRPr>
                    </a:pPr>
                    <a:r>
                      <a:rPr lang="en-US" altLang="ja-JP">
                        <a:solidFill>
                          <a:schemeClr val="tx1"/>
                        </a:solidFill>
                      </a:rPr>
                      <a:t>②11,394</a:t>
                    </a:r>
                  </a:p>
                  <a:p>
                    <a:pPr>
                      <a:defRPr>
                        <a:solidFill>
                          <a:schemeClr val="tx1"/>
                        </a:solidFill>
                      </a:defRPr>
                    </a:pPr>
                    <a:fld id="{851E2062-0105-4119-B893-96386424E2D8}" type="VALUE">
                      <a:rPr lang="en-US" altLang="ja-JP">
                        <a:solidFill>
                          <a:schemeClr val="tx1"/>
                        </a:solidFill>
                      </a:rPr>
                      <a:pPr>
                        <a:defRPr>
                          <a:solidFill>
                            <a:schemeClr val="tx1"/>
                          </a:solidFill>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6849224423066322"/>
                      <c:h val="0.20259470454032505"/>
                    </c:manualLayout>
                  </c15:layout>
                  <c15:dlblFieldTable/>
                  <c15:showDataLabelsRange val="0"/>
                </c:ext>
                <c:ext xmlns:c16="http://schemas.microsoft.com/office/drawing/2014/chart" uri="{C3380CC4-5D6E-409C-BE32-E72D297353CC}">
                  <c16:uniqueId val="{00000001-7E00-4277-9363-743902271227}"/>
                </c:ext>
              </c:extLst>
            </c:dLbl>
            <c:dLbl>
              <c:idx val="2"/>
              <c:layout>
                <c:manualLayout>
                  <c:x val="6.0893793006893092E-3"/>
                  <c:y val="0.13829987262988042"/>
                </c:manualLayout>
              </c:layout>
              <c:tx>
                <c:rich>
                  <a:bodyPr wrap="square" lIns="38100" tIns="19050" rIns="38100" bIns="19050" anchor="ctr">
                    <a:noAutofit/>
                  </a:bodyPr>
                  <a:lstStyle/>
                  <a:p>
                    <a:pPr>
                      <a:defRPr>
                        <a:solidFill>
                          <a:schemeClr val="tx1"/>
                        </a:solidFill>
                      </a:defRPr>
                    </a:pPr>
                    <a:r>
                      <a:rPr lang="en-US" altLang="ja-JP" dirty="0">
                        <a:solidFill>
                          <a:schemeClr val="tx1"/>
                        </a:solidFill>
                      </a:rPr>
                      <a:t>③</a:t>
                    </a:r>
                    <a:r>
                      <a:rPr lang="en-US" altLang="ja-JP" dirty="0" smtClean="0">
                        <a:solidFill>
                          <a:schemeClr val="tx1"/>
                        </a:solidFill>
                      </a:rPr>
                      <a:t>8,236</a:t>
                    </a:r>
                    <a:endParaRPr lang="en-US" altLang="ja-JP" dirty="0">
                      <a:solidFill>
                        <a:schemeClr val="tx1"/>
                      </a:solidFill>
                    </a:endParaRPr>
                  </a:p>
                  <a:p>
                    <a:pPr>
                      <a:defRPr>
                        <a:solidFill>
                          <a:schemeClr val="tx1"/>
                        </a:solidFill>
                      </a:defRPr>
                    </a:pPr>
                    <a:fld id="{392C9B70-0BC0-49AD-B4CC-A5B2BFB90AA1}" type="VALUE">
                      <a:rPr lang="en-US" altLang="ja-JP">
                        <a:solidFill>
                          <a:schemeClr val="tx1"/>
                        </a:solidFill>
                      </a:rPr>
                      <a:pPr>
                        <a:defRPr>
                          <a:solidFill>
                            <a:schemeClr val="tx1"/>
                          </a:solidFill>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3420238290336908"/>
                      <c:h val="0.18706146493033746"/>
                    </c:manualLayout>
                  </c15:layout>
                  <c15:dlblFieldTable/>
                  <c15:showDataLabelsRange val="0"/>
                </c:ext>
                <c:ext xmlns:c16="http://schemas.microsoft.com/office/drawing/2014/chart" uri="{C3380CC4-5D6E-409C-BE32-E72D297353CC}">
                  <c16:uniqueId val="{00000003-7E00-4277-9363-743902271227}"/>
                </c:ext>
              </c:extLst>
            </c:dLbl>
            <c:dLbl>
              <c:idx val="3"/>
              <c:layout>
                <c:manualLayout>
                  <c:x val="-3.5383152265767888E-2"/>
                  <c:y val="0.1416499026679402"/>
                </c:manualLayout>
              </c:layout>
              <c:tx>
                <c:rich>
                  <a:bodyPr wrap="square" lIns="38100" tIns="19050" rIns="38100" bIns="19050" anchor="ctr">
                    <a:noAutofit/>
                  </a:bodyPr>
                  <a:lstStyle/>
                  <a:p>
                    <a:pPr>
                      <a:defRPr>
                        <a:solidFill>
                          <a:schemeClr val="tx1"/>
                        </a:solidFill>
                      </a:defRPr>
                    </a:pPr>
                    <a:r>
                      <a:rPr lang="en-US" altLang="ja-JP" dirty="0">
                        <a:solidFill>
                          <a:schemeClr val="tx1"/>
                        </a:solidFill>
                      </a:rPr>
                      <a:t>④4,255</a:t>
                    </a:r>
                    <a:br>
                      <a:rPr lang="en-US" altLang="ja-JP" dirty="0">
                        <a:solidFill>
                          <a:schemeClr val="tx1"/>
                        </a:solidFill>
                      </a:rPr>
                    </a:br>
                    <a:fld id="{5E46C10B-D64F-48DA-90C6-D821A8E09FC2}" type="VALUE">
                      <a:rPr lang="en-US" altLang="ja-JP">
                        <a:solidFill>
                          <a:schemeClr val="tx1"/>
                        </a:solidFill>
                      </a:rPr>
                      <a:pPr>
                        <a:defRPr>
                          <a:solidFill>
                            <a:schemeClr val="tx1"/>
                          </a:solidFill>
                        </a:defRPr>
                      </a:pPr>
                      <a:t>[値]</a:t>
                    </a:fld>
                    <a:endParaRPr lang="en-US" altLang="ja-JP" dirty="0">
                      <a:solidFill>
                        <a:schemeClr val="tx1"/>
                      </a:solidFill>
                    </a:endParaRPr>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3632317569742997"/>
                      <c:h val="0.21196038632998238"/>
                    </c:manualLayout>
                  </c15:layout>
                  <c15:dlblFieldTable/>
                  <c15:showDataLabelsRange val="0"/>
                </c:ext>
                <c:ext xmlns:c16="http://schemas.microsoft.com/office/drawing/2014/chart" uri="{C3380CC4-5D6E-409C-BE32-E72D297353CC}">
                  <c16:uniqueId val="{00000005-7E00-4277-9363-743902271227}"/>
                </c:ext>
              </c:extLst>
            </c:dLbl>
            <c:dLbl>
              <c:idx val="4"/>
              <c:layout>
                <c:manualLayout>
                  <c:x val="-0.10905432122857282"/>
                  <c:y val="-6.1849250439838044E-3"/>
                </c:manualLayout>
              </c:layout>
              <c:tx>
                <c:rich>
                  <a:bodyPr/>
                  <a:lstStyle/>
                  <a:p>
                    <a:r>
                      <a:rPr lang="en-US" altLang="ja-JP"/>
                      <a:t>⑤732</a:t>
                    </a:r>
                  </a:p>
                  <a:p>
                    <a:fld id="{682B1EB3-A35F-4174-8089-6888BA35F6C8}"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7E00-4277-9363-743902271227}"/>
                </c:ext>
              </c:extLst>
            </c:dLbl>
            <c:dLbl>
              <c:idx val="5"/>
              <c:layout>
                <c:manualLayout>
                  <c:x val="6.9082408537045822E-2"/>
                  <c:y val="2.0046034836227439E-2"/>
                </c:manualLayout>
              </c:layout>
              <c:tx>
                <c:rich>
                  <a:bodyPr wrap="square" lIns="38100" tIns="19050" rIns="38100" bIns="19050" anchor="ctr">
                    <a:noAutofit/>
                  </a:bodyPr>
                  <a:lstStyle/>
                  <a:p>
                    <a:pPr>
                      <a:defRPr>
                        <a:solidFill>
                          <a:schemeClr val="tx1"/>
                        </a:solidFill>
                      </a:defRPr>
                    </a:pPr>
                    <a:r>
                      <a:rPr lang="en-US" altLang="ja-JP">
                        <a:solidFill>
                          <a:schemeClr val="tx1"/>
                        </a:solidFill>
                      </a:rPr>
                      <a:t>⑥156</a:t>
                    </a:r>
                  </a:p>
                  <a:p>
                    <a:pPr>
                      <a:defRPr>
                        <a:solidFill>
                          <a:schemeClr val="tx1"/>
                        </a:solidFill>
                      </a:defRPr>
                    </a:pPr>
                    <a:fld id="{F368FA17-5752-4862-834E-E8D39BE80C03}" type="VALUE">
                      <a:rPr lang="en-US" altLang="ja-JP">
                        <a:solidFill>
                          <a:schemeClr val="tx1"/>
                        </a:solidFill>
                      </a:rPr>
                      <a:pPr>
                        <a:defRPr>
                          <a:solidFill>
                            <a:schemeClr val="tx1"/>
                          </a:solidFill>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4982622835825654"/>
                      <c:h val="0.18094810644391221"/>
                    </c:manualLayout>
                  </c15:layout>
                  <c15:dlblFieldTable/>
                  <c15:showDataLabelsRange val="0"/>
                </c:ext>
                <c:ext xmlns:c16="http://schemas.microsoft.com/office/drawing/2014/chart" uri="{C3380CC4-5D6E-409C-BE32-E72D297353CC}">
                  <c16:uniqueId val="{0000000A-7E00-4277-9363-743902271227}"/>
                </c:ext>
              </c:extLst>
            </c:dLbl>
            <c:dLbl>
              <c:idx val="6"/>
              <c:layout>
                <c:manualLayout>
                  <c:x val="0.18426554541185089"/>
                  <c:y val="1.0072540419325862E-2"/>
                </c:manualLayout>
              </c:layout>
              <c:tx>
                <c:rich>
                  <a:bodyPr/>
                  <a:lstStyle/>
                  <a:p>
                    <a:r>
                      <a:rPr lang="en-US" altLang="ja-JP" dirty="0" smtClean="0">
                        <a:solidFill>
                          <a:schemeClr val="tx1"/>
                        </a:solidFill>
                      </a:rPr>
                      <a:t>⑦5,024</a:t>
                    </a:r>
                    <a:endParaRPr lang="en-US" altLang="ja-JP" dirty="0">
                      <a:solidFill>
                        <a:schemeClr val="tx1"/>
                      </a:solidFill>
                    </a:endParaRPr>
                  </a:p>
                  <a:p>
                    <a:fld id="{07D59742-D885-4D5C-9CD7-AB2A7EE40C74}" type="VALUE">
                      <a:rPr lang="en-US" altLang="ja-JP">
                        <a:solidFill>
                          <a:schemeClr val="tx1"/>
                        </a:solidFill>
                      </a:rPr>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7E00-4277-9363-743902271227}"/>
                </c:ext>
              </c:extLst>
            </c:dLbl>
            <c:spPr>
              <a:solidFill>
                <a:schemeClr val="bg1"/>
              </a:solidFill>
              <a:ln>
                <a:solidFill>
                  <a:schemeClr val="tx1"/>
                </a:solidFill>
              </a:ln>
              <a:effectLst/>
            </c:spPr>
            <c:txPr>
              <a:bodyPr wrap="square" lIns="38100" tIns="19050" rIns="38100" bIns="19050" anchor="ctr">
                <a:spAutoFit/>
              </a:bodyPr>
              <a:lstStyle/>
              <a:p>
                <a:pPr>
                  <a:defRPr>
                    <a:solidFill>
                      <a:schemeClr val="tx1"/>
                    </a:solidFill>
                  </a:defRPr>
                </a:pPr>
                <a:endParaRPr lang="ja-JP"/>
              </a:p>
            </c:txPr>
            <c:showLegendKey val="0"/>
            <c:showVal val="1"/>
            <c:showCatName val="0"/>
            <c:showSerName val="0"/>
            <c:showPercent val="0"/>
            <c:showBubbleSize val="0"/>
            <c:showLeaderLines val="1"/>
            <c:extLst>
              <c:ext xmlns:c15="http://schemas.microsoft.com/office/drawing/2012/chart" uri="{CE6537A1-D6FC-4f65-9D91-7224C49458BB}"/>
            </c:extLst>
          </c:dLbls>
          <c:cat>
            <c:strRef>
              <c:f>グラフその１!$C$23:$I$23</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グラフその１!$C$24:$I$24</c:f>
              <c:numCache>
                <c:formatCode>0.0%</c:formatCode>
                <c:ptCount val="7"/>
                <c:pt idx="0">
                  <c:v>0.59636457218708094</c:v>
                </c:pt>
                <c:pt idx="1">
                  <c:v>0.15432959947987918</c:v>
                </c:pt>
                <c:pt idx="2">
                  <c:v>0.11151444554307928</c:v>
                </c:pt>
                <c:pt idx="3">
                  <c:v>5.7633179373958746E-2</c:v>
                </c:pt>
                <c:pt idx="4">
                  <c:v>9.9148031261428442E-3</c:v>
                </c:pt>
                <c:pt idx="5">
                  <c:v>2.1129908301615896E-3</c:v>
                </c:pt>
                <c:pt idx="6">
                  <c:v>6.7683430630240154E-2</c:v>
                </c:pt>
              </c:numCache>
            </c:numRef>
          </c:val>
          <c:extLst>
            <c:ext xmlns:c16="http://schemas.microsoft.com/office/drawing/2014/chart" uri="{C3380CC4-5D6E-409C-BE32-E72D297353CC}">
              <c16:uniqueId val="{0000000B-7E00-4277-9363-743902271227}"/>
            </c:ext>
          </c:extLst>
        </c:ser>
        <c:ser>
          <c:idx val="1"/>
          <c:order val="1"/>
          <c:cat>
            <c:strRef>
              <c:f>グラフその１!$C$23:$I$23</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グラフその１!$C$25:$I$25</c:f>
              <c:numCache>
                <c:formatCode>#,##0;0;"－"</c:formatCode>
                <c:ptCount val="7"/>
                <c:pt idx="0">
                  <c:v>44029</c:v>
                </c:pt>
                <c:pt idx="1">
                  <c:v>11394</c:v>
                </c:pt>
                <c:pt idx="2">
                  <c:v>8233</c:v>
                </c:pt>
                <c:pt idx="3">
                  <c:v>4255</c:v>
                </c:pt>
                <c:pt idx="4">
                  <c:v>732</c:v>
                </c:pt>
                <c:pt idx="5">
                  <c:v>156</c:v>
                </c:pt>
                <c:pt idx="6">
                  <c:v>4997</c:v>
                </c:pt>
              </c:numCache>
            </c:numRef>
          </c:val>
          <c:extLst>
            <c:ext xmlns:c16="http://schemas.microsoft.com/office/drawing/2014/chart" uri="{C3380CC4-5D6E-409C-BE32-E72D297353CC}">
              <c16:uniqueId val="{0000000C-7E00-4277-9363-743902271227}"/>
            </c:ext>
          </c:extLst>
        </c:ser>
        <c:dLbls>
          <c:showLegendKey val="0"/>
          <c:showVal val="0"/>
          <c:showCatName val="0"/>
          <c:showSerName val="0"/>
          <c:showPercent val="0"/>
          <c:showBubbleSize val="0"/>
          <c:showLeaderLines val="1"/>
        </c:dLbls>
        <c:firstSliceAng val="0"/>
      </c:pieChart>
    </c:plotArea>
    <c:legend>
      <c:legendPos val="r"/>
      <c:legendEntry>
        <c:idx val="0"/>
        <c:txPr>
          <a:bodyPr/>
          <a:lstStyle/>
          <a:p>
            <a:pPr>
              <a:defRPr sz="800" b="0">
                <a:latin typeface="ＭＳ Ｐゴシック" panose="020B0600070205080204" pitchFamily="50" charset="-128"/>
                <a:ea typeface="ＭＳ Ｐゴシック" panose="020B0600070205080204" pitchFamily="50" charset="-128"/>
              </a:defRPr>
            </a:pPr>
            <a:endParaRPr lang="ja-JP"/>
          </a:p>
        </c:txPr>
      </c:legendEntry>
      <c:legendEntry>
        <c:idx val="1"/>
        <c:txPr>
          <a:bodyPr/>
          <a:lstStyle/>
          <a:p>
            <a:pPr>
              <a:defRPr sz="800" b="0">
                <a:latin typeface="ＭＳ Ｐゴシック" panose="020B0600070205080204" pitchFamily="50" charset="-128"/>
                <a:ea typeface="ＭＳ Ｐゴシック" panose="020B0600070205080204" pitchFamily="50" charset="-128"/>
              </a:defRPr>
            </a:pPr>
            <a:endParaRPr lang="ja-JP"/>
          </a:p>
        </c:txPr>
      </c:legendEntry>
      <c:legendEntry>
        <c:idx val="2"/>
        <c:txPr>
          <a:bodyPr/>
          <a:lstStyle/>
          <a:p>
            <a:pPr>
              <a:defRPr sz="800" b="0">
                <a:latin typeface="ＭＳ Ｐゴシック" panose="020B0600070205080204" pitchFamily="50" charset="-128"/>
                <a:ea typeface="ＭＳ Ｐゴシック" panose="020B0600070205080204" pitchFamily="50" charset="-128"/>
              </a:defRPr>
            </a:pPr>
            <a:endParaRPr lang="ja-JP"/>
          </a:p>
        </c:txPr>
      </c:legendEntry>
      <c:legendEntry>
        <c:idx val="3"/>
        <c:txPr>
          <a:bodyPr/>
          <a:lstStyle/>
          <a:p>
            <a:pPr>
              <a:defRPr sz="800" b="0">
                <a:latin typeface="ＭＳ Ｐゴシック" panose="020B0600070205080204" pitchFamily="50" charset="-128"/>
                <a:ea typeface="ＭＳ Ｐゴシック" panose="020B0600070205080204" pitchFamily="50" charset="-128"/>
              </a:defRPr>
            </a:pPr>
            <a:endParaRPr lang="ja-JP"/>
          </a:p>
        </c:txPr>
      </c:legendEntry>
      <c:legendEntry>
        <c:idx val="4"/>
        <c:txPr>
          <a:bodyPr/>
          <a:lstStyle/>
          <a:p>
            <a:pPr>
              <a:defRPr sz="800" b="0">
                <a:latin typeface="ＭＳ Ｐゴシック" panose="020B0600070205080204" pitchFamily="50" charset="-128"/>
                <a:ea typeface="ＭＳ Ｐゴシック" panose="020B0600070205080204" pitchFamily="50" charset="-128"/>
              </a:defRPr>
            </a:pPr>
            <a:endParaRPr lang="ja-JP"/>
          </a:p>
        </c:txPr>
      </c:legendEntry>
      <c:legendEntry>
        <c:idx val="5"/>
        <c:txPr>
          <a:bodyPr/>
          <a:lstStyle/>
          <a:p>
            <a:pPr>
              <a:defRPr sz="800">
                <a:latin typeface="ＭＳ Ｐゴシック" panose="020B0600070205080204" pitchFamily="50" charset="-128"/>
                <a:ea typeface="ＭＳ Ｐゴシック" panose="020B0600070205080204" pitchFamily="50" charset="-128"/>
              </a:defRPr>
            </a:pPr>
            <a:endParaRPr lang="ja-JP"/>
          </a:p>
        </c:txPr>
      </c:legendEntry>
      <c:legendEntry>
        <c:idx val="6"/>
        <c:txPr>
          <a:bodyPr/>
          <a:lstStyle/>
          <a:p>
            <a:pPr>
              <a:defRPr sz="800" b="0" i="0">
                <a:latin typeface="ＭＳ Ｐゴシック" panose="020B0600070205080204" pitchFamily="50" charset="-128"/>
                <a:ea typeface="ＭＳ Ｐゴシック" panose="020B0600070205080204" pitchFamily="50" charset="-128"/>
              </a:defRPr>
            </a:pPr>
            <a:endParaRPr lang="ja-JP"/>
          </a:p>
        </c:txPr>
      </c:legendEntry>
      <c:layout>
        <c:manualLayout>
          <c:xMode val="edge"/>
          <c:yMode val="edge"/>
          <c:x val="0.56533235969111639"/>
          <c:y val="5.1003990946723629E-2"/>
          <c:w val="0.42067169326242621"/>
          <c:h val="0.8659216839021544"/>
        </c:manualLayout>
      </c:layout>
      <c:overlay val="0"/>
      <c:txPr>
        <a:bodyPr/>
        <a:lstStyle/>
        <a:p>
          <a:pPr>
            <a:defRPr sz="8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B$2</c:f>
              <c:strCache>
                <c:ptCount val="1"/>
                <c:pt idx="0">
                  <c:v>一時的な仕事に就いた者（高卒後）</c:v>
                </c:pt>
              </c:strCache>
            </c:strRef>
          </c:tx>
          <c:invertIfNegative val="0"/>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B$3:$B$10</c:f>
              <c:numCache>
                <c:formatCode>#,##0</c:formatCode>
                <c:ptCount val="8"/>
                <c:pt idx="0">
                  <c:v>1772</c:v>
                </c:pt>
                <c:pt idx="1">
                  <c:v>1802</c:v>
                </c:pt>
                <c:pt idx="2">
                  <c:v>1508</c:v>
                </c:pt>
                <c:pt idx="3">
                  <c:v>1132</c:v>
                </c:pt>
                <c:pt idx="4" formatCode="General">
                  <c:v>960</c:v>
                </c:pt>
                <c:pt idx="5" formatCode="General">
                  <c:v>923</c:v>
                </c:pt>
                <c:pt idx="6" formatCode="General">
                  <c:v>815</c:v>
                </c:pt>
                <c:pt idx="7" formatCode="General">
                  <c:v>732</c:v>
                </c:pt>
              </c:numCache>
            </c:numRef>
          </c:val>
          <c:extLst>
            <c:ext xmlns:c16="http://schemas.microsoft.com/office/drawing/2014/chart" uri="{C3380CC4-5D6E-409C-BE32-E72D297353CC}">
              <c16:uniqueId val="{00000000-AD08-48B3-802B-FE6400BF9094}"/>
            </c:ext>
          </c:extLst>
        </c:ser>
        <c:ser>
          <c:idx val="2"/>
          <c:order val="2"/>
          <c:tx>
            <c:strRef>
              <c:f>計算表!$D$2</c:f>
              <c:strCache>
                <c:ptCount val="1"/>
                <c:pt idx="0">
                  <c:v>一時的な仕事に就いた者（大卒後）</c:v>
                </c:pt>
              </c:strCache>
            </c:strRef>
          </c:tx>
          <c:invertIfNegative val="0"/>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D$3:$D$10</c:f>
              <c:numCache>
                <c:formatCode>#,##0</c:formatCode>
                <c:ptCount val="8"/>
                <c:pt idx="0">
                  <c:v>1983</c:v>
                </c:pt>
                <c:pt idx="1">
                  <c:v>1530</c:v>
                </c:pt>
                <c:pt idx="2">
                  <c:v>1360</c:v>
                </c:pt>
                <c:pt idx="3">
                  <c:v>1205</c:v>
                </c:pt>
                <c:pt idx="4" formatCode="General">
                  <c:v>984</c:v>
                </c:pt>
                <c:pt idx="5" formatCode="General">
                  <c:v>935</c:v>
                </c:pt>
                <c:pt idx="6" formatCode="General">
                  <c:v>836</c:v>
                </c:pt>
                <c:pt idx="7" formatCode="General">
                  <c:v>890</c:v>
                </c:pt>
              </c:numCache>
            </c:numRef>
          </c:val>
          <c:extLst>
            <c:ext xmlns:c16="http://schemas.microsoft.com/office/drawing/2014/chart" uri="{C3380CC4-5D6E-409C-BE32-E72D297353CC}">
              <c16:uniqueId val="{00000001-AD08-48B3-802B-FE6400BF9094}"/>
            </c:ext>
          </c:extLst>
        </c:ser>
        <c:dLbls>
          <c:showLegendKey val="0"/>
          <c:showVal val="0"/>
          <c:showCatName val="0"/>
          <c:showSerName val="0"/>
          <c:showPercent val="0"/>
          <c:showBubbleSize val="0"/>
        </c:dLbls>
        <c:gapWidth val="150"/>
        <c:axId val="98298112"/>
        <c:axId val="98781824"/>
      </c:barChart>
      <c:lineChart>
        <c:grouping val="standard"/>
        <c:varyColors val="0"/>
        <c:ser>
          <c:idx val="1"/>
          <c:order val="1"/>
          <c:tx>
            <c:strRef>
              <c:f>計算表!$C$2</c:f>
              <c:strCache>
                <c:ptCount val="1"/>
                <c:pt idx="0">
                  <c:v>卒業者の内の割合（高卒）</c:v>
                </c:pt>
              </c:strCache>
            </c:strRef>
          </c:tx>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C$3:$C$10</c:f>
              <c:numCache>
                <c:formatCode>0.0%</c:formatCode>
                <c:ptCount val="8"/>
                <c:pt idx="0">
                  <c:v>2.5999999999999999E-2</c:v>
                </c:pt>
                <c:pt idx="1">
                  <c:v>2.5000000000000001E-2</c:v>
                </c:pt>
                <c:pt idx="2">
                  <c:v>2.1000000000000001E-2</c:v>
                </c:pt>
                <c:pt idx="3">
                  <c:v>1.4999999999999999E-2</c:v>
                </c:pt>
                <c:pt idx="4">
                  <c:v>1.2999999999999999E-2</c:v>
                </c:pt>
                <c:pt idx="5">
                  <c:v>1.2E-2</c:v>
                </c:pt>
                <c:pt idx="6">
                  <c:v>1.0999999999999999E-2</c:v>
                </c:pt>
                <c:pt idx="7">
                  <c:v>0.01</c:v>
                </c:pt>
              </c:numCache>
            </c:numRef>
          </c:val>
          <c:smooth val="0"/>
          <c:extLst>
            <c:ext xmlns:c16="http://schemas.microsoft.com/office/drawing/2014/chart" uri="{C3380CC4-5D6E-409C-BE32-E72D297353CC}">
              <c16:uniqueId val="{00000002-AD08-48B3-802B-FE6400BF9094}"/>
            </c:ext>
          </c:extLst>
        </c:ser>
        <c:ser>
          <c:idx val="3"/>
          <c:order val="3"/>
          <c:tx>
            <c:strRef>
              <c:f>計算表!$E$2</c:f>
              <c:strCache>
                <c:ptCount val="1"/>
                <c:pt idx="0">
                  <c:v>卒業者の内の割合（大卒）</c:v>
                </c:pt>
              </c:strCache>
            </c:strRef>
          </c:tx>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E$3:$E$10</c:f>
              <c:numCache>
                <c:formatCode>0.0%</c:formatCode>
                <c:ptCount val="8"/>
                <c:pt idx="0">
                  <c:v>4.3999999999999997E-2</c:v>
                </c:pt>
                <c:pt idx="1">
                  <c:v>3.5000000000000003E-2</c:v>
                </c:pt>
                <c:pt idx="2">
                  <c:v>0.03</c:v>
                </c:pt>
                <c:pt idx="3">
                  <c:v>2.5999999999999999E-2</c:v>
                </c:pt>
                <c:pt idx="4">
                  <c:v>2.1999999999999999E-2</c:v>
                </c:pt>
                <c:pt idx="5">
                  <c:v>2.3E-2</c:v>
                </c:pt>
                <c:pt idx="6">
                  <c:v>1.7999999999999999E-2</c:v>
                </c:pt>
                <c:pt idx="7">
                  <c:v>1.9E-2</c:v>
                </c:pt>
              </c:numCache>
            </c:numRef>
          </c:val>
          <c:smooth val="0"/>
          <c:extLst>
            <c:ext xmlns:c16="http://schemas.microsoft.com/office/drawing/2014/chart" uri="{C3380CC4-5D6E-409C-BE32-E72D297353CC}">
              <c16:uniqueId val="{00000003-AD08-48B3-802B-FE6400BF9094}"/>
            </c:ext>
          </c:extLst>
        </c:ser>
        <c:dLbls>
          <c:showLegendKey val="0"/>
          <c:showVal val="0"/>
          <c:showCatName val="0"/>
          <c:showSerName val="0"/>
          <c:showPercent val="0"/>
          <c:showBubbleSize val="0"/>
        </c:dLbls>
        <c:marker val="1"/>
        <c:smooth val="0"/>
        <c:axId val="100730752"/>
        <c:axId val="100729216"/>
      </c:lineChart>
      <c:catAx>
        <c:axId val="98298112"/>
        <c:scaling>
          <c:orientation val="minMax"/>
        </c:scaling>
        <c:delete val="0"/>
        <c:axPos val="b"/>
        <c:numFmt formatCode="General" sourceLinked="1"/>
        <c:majorTickMark val="out"/>
        <c:minorTickMark val="none"/>
        <c:tickLblPos val="nextTo"/>
        <c:crossAx val="98781824"/>
        <c:crosses val="autoZero"/>
        <c:auto val="1"/>
        <c:lblAlgn val="ctr"/>
        <c:lblOffset val="100"/>
        <c:noMultiLvlLbl val="0"/>
      </c:catAx>
      <c:valAx>
        <c:axId val="98781824"/>
        <c:scaling>
          <c:orientation val="minMax"/>
          <c:max val="2500"/>
          <c:min val="500"/>
        </c:scaling>
        <c:delete val="0"/>
        <c:axPos val="l"/>
        <c:majorGridlines/>
        <c:numFmt formatCode="#,##0" sourceLinked="1"/>
        <c:majorTickMark val="out"/>
        <c:minorTickMark val="none"/>
        <c:tickLblPos val="nextTo"/>
        <c:crossAx val="98298112"/>
        <c:crosses val="autoZero"/>
        <c:crossBetween val="between"/>
        <c:majorUnit val="500"/>
      </c:valAx>
      <c:valAx>
        <c:axId val="100729216"/>
        <c:scaling>
          <c:orientation val="minMax"/>
          <c:min val="1.0000000000000002E-2"/>
        </c:scaling>
        <c:delete val="0"/>
        <c:axPos val="r"/>
        <c:numFmt formatCode="0.0%" sourceLinked="1"/>
        <c:majorTickMark val="out"/>
        <c:minorTickMark val="none"/>
        <c:tickLblPos val="nextTo"/>
        <c:crossAx val="100730752"/>
        <c:crosses val="max"/>
        <c:crossBetween val="between"/>
        <c:majorUnit val="1.0000000000000002E-2"/>
      </c:valAx>
      <c:catAx>
        <c:axId val="100730752"/>
        <c:scaling>
          <c:orientation val="minMax"/>
        </c:scaling>
        <c:delete val="1"/>
        <c:axPos val="b"/>
        <c:numFmt formatCode="General" sourceLinked="1"/>
        <c:majorTickMark val="out"/>
        <c:minorTickMark val="none"/>
        <c:tickLblPos val="nextTo"/>
        <c:crossAx val="100729216"/>
        <c:crosses val="autoZero"/>
        <c:auto val="1"/>
        <c:lblAlgn val="ctr"/>
        <c:lblOffset val="100"/>
        <c:noMultiLvlLbl val="0"/>
      </c:catAx>
    </c:plotArea>
    <c:legend>
      <c:legendPos val="b"/>
      <c:overlay val="0"/>
    </c:legend>
    <c:plotVisOnly val="1"/>
    <c:dispBlanksAs val="gap"/>
    <c:showDLblsOverMax val="0"/>
  </c:chart>
  <c:externalData r:id="rId1">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資料用②!$A$14</c:f>
              <c:strCache>
                <c:ptCount val="1"/>
                <c:pt idx="0">
                  <c:v>人口（2015）</c:v>
                </c:pt>
              </c:strCache>
            </c:strRef>
          </c:tx>
          <c:invertIfNegative val="0"/>
          <c:cat>
            <c:strRef>
              <c:f>資料用②!$B$13:$W$13</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14:$W$14</c:f>
              <c:numCache>
                <c:formatCode>#,##0_);[Red]\(#,##0\)</c:formatCode>
                <c:ptCount val="22"/>
                <c:pt idx="0">
                  <c:v>87920</c:v>
                </c:pt>
                <c:pt idx="1">
                  <c:v>91625</c:v>
                </c:pt>
                <c:pt idx="2">
                  <c:v>91239</c:v>
                </c:pt>
                <c:pt idx="3">
                  <c:v>90637</c:v>
                </c:pt>
                <c:pt idx="4">
                  <c:v>88073</c:v>
                </c:pt>
                <c:pt idx="5">
                  <c:v>88383</c:v>
                </c:pt>
                <c:pt idx="6">
                  <c:v>88067</c:v>
                </c:pt>
                <c:pt idx="7">
                  <c:v>89034</c:v>
                </c:pt>
                <c:pt idx="8">
                  <c:v>90015</c:v>
                </c:pt>
                <c:pt idx="9">
                  <c:v>92994</c:v>
                </c:pt>
                <c:pt idx="10">
                  <c:v>95097</c:v>
                </c:pt>
                <c:pt idx="11">
                  <c:v>96285</c:v>
                </c:pt>
                <c:pt idx="12">
                  <c:v>98423</c:v>
                </c:pt>
                <c:pt idx="13">
                  <c:v>101615</c:v>
                </c:pt>
                <c:pt idx="14">
                  <c:v>103251</c:v>
                </c:pt>
                <c:pt idx="15">
                  <c:v>101916</c:v>
                </c:pt>
                <c:pt idx="16">
                  <c:v>103056</c:v>
                </c:pt>
                <c:pt idx="17">
                  <c:v>107847</c:v>
                </c:pt>
                <c:pt idx="18">
                  <c:v>109442</c:v>
                </c:pt>
                <c:pt idx="19">
                  <c:v>115767</c:v>
                </c:pt>
                <c:pt idx="20">
                  <c:v>119079</c:v>
                </c:pt>
                <c:pt idx="21">
                  <c:v>126394</c:v>
                </c:pt>
              </c:numCache>
            </c:numRef>
          </c:val>
          <c:extLst>
            <c:ext xmlns:c16="http://schemas.microsoft.com/office/drawing/2014/chart" uri="{C3380CC4-5D6E-409C-BE32-E72D297353CC}">
              <c16:uniqueId val="{00000000-2AF1-42D6-820F-69CBD134EB55}"/>
            </c:ext>
          </c:extLst>
        </c:ser>
        <c:ser>
          <c:idx val="1"/>
          <c:order val="1"/>
          <c:tx>
            <c:strRef>
              <c:f>資料用②!$A$15</c:f>
              <c:strCache>
                <c:ptCount val="1"/>
                <c:pt idx="0">
                  <c:v>転出者（2019）</c:v>
                </c:pt>
              </c:strCache>
            </c:strRef>
          </c:tx>
          <c:invertIfNegative val="0"/>
          <c:cat>
            <c:strRef>
              <c:f>資料用②!$B$13:$W$13</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15:$W$15</c:f>
              <c:numCache>
                <c:formatCode>#,###,##0;" -"###,##0</c:formatCode>
                <c:ptCount val="22"/>
                <c:pt idx="0">
                  <c:v>2528</c:v>
                </c:pt>
                <c:pt idx="1">
                  <c:v>2847</c:v>
                </c:pt>
                <c:pt idx="2">
                  <c:v>4131</c:v>
                </c:pt>
                <c:pt idx="3">
                  <c:v>3912</c:v>
                </c:pt>
                <c:pt idx="4">
                  <c:v>10312</c:v>
                </c:pt>
                <c:pt idx="5">
                  <c:v>7837</c:v>
                </c:pt>
                <c:pt idx="6">
                  <c:v>8199</c:v>
                </c:pt>
                <c:pt idx="7">
                  <c:v>7956</c:v>
                </c:pt>
                <c:pt idx="8">
                  <c:v>7301</c:v>
                </c:pt>
                <c:pt idx="9">
                  <c:v>6855</c:v>
                </c:pt>
                <c:pt idx="10">
                  <c:v>6264</c:v>
                </c:pt>
                <c:pt idx="11">
                  <c:v>5662</c:v>
                </c:pt>
                <c:pt idx="12">
                  <c:v>5441</c:v>
                </c:pt>
                <c:pt idx="13">
                  <c:v>4845</c:v>
                </c:pt>
                <c:pt idx="14">
                  <c:v>4509</c:v>
                </c:pt>
                <c:pt idx="15">
                  <c:v>4132</c:v>
                </c:pt>
                <c:pt idx="16">
                  <c:v>3988</c:v>
                </c:pt>
                <c:pt idx="17">
                  <c:v>3471</c:v>
                </c:pt>
                <c:pt idx="18">
                  <c:v>3188</c:v>
                </c:pt>
                <c:pt idx="19">
                  <c:v>2753</c:v>
                </c:pt>
                <c:pt idx="20">
                  <c:v>2516</c:v>
                </c:pt>
                <c:pt idx="21">
                  <c:v>2388</c:v>
                </c:pt>
              </c:numCache>
            </c:numRef>
          </c:val>
          <c:extLst>
            <c:ext xmlns:c16="http://schemas.microsoft.com/office/drawing/2014/chart" uri="{C3380CC4-5D6E-409C-BE32-E72D297353CC}">
              <c16:uniqueId val="{00000001-2AF1-42D6-820F-69CBD134EB55}"/>
            </c:ext>
          </c:extLst>
        </c:ser>
        <c:dLbls>
          <c:showLegendKey val="0"/>
          <c:showVal val="0"/>
          <c:showCatName val="0"/>
          <c:showSerName val="0"/>
          <c:showPercent val="0"/>
          <c:showBubbleSize val="0"/>
        </c:dLbls>
        <c:gapWidth val="150"/>
        <c:axId val="95333376"/>
        <c:axId val="95552256"/>
      </c:barChart>
      <c:lineChart>
        <c:grouping val="standard"/>
        <c:varyColors val="0"/>
        <c:ser>
          <c:idx val="2"/>
          <c:order val="2"/>
          <c:tx>
            <c:strRef>
              <c:f>資料用②!$A$16</c:f>
              <c:strCache>
                <c:ptCount val="1"/>
                <c:pt idx="0">
                  <c:v>年齢別人口に占める転出者の割合</c:v>
                </c:pt>
              </c:strCache>
            </c:strRef>
          </c:tx>
          <c:marker>
            <c:symbol val="none"/>
          </c:marker>
          <c:dLbls>
            <c:dLbl>
              <c:idx val="4"/>
              <c:layout>
                <c:manualLayout>
                  <c:x val="-4.0712469611995282E-2"/>
                  <c:y val="-6.76818349771196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AF1-42D6-820F-69CBD134EB55}"/>
                </c:ext>
              </c:extLst>
            </c:dLbl>
            <c:dLbl>
              <c:idx val="6"/>
              <c:layout>
                <c:manualLayout>
                  <c:x val="2.0993473460794072E-2"/>
                  <c:y val="-9.7935862444833044E-2"/>
                </c:manualLayout>
              </c:layout>
              <c:tx>
                <c:rich>
                  <a:bodyPr wrap="square" lIns="38100" tIns="19050" rIns="38100" bIns="19050" anchor="ctr">
                    <a:noAutofit/>
                  </a:bodyPr>
                  <a:lstStyle/>
                  <a:p>
                    <a:pPr>
                      <a:defRPr/>
                    </a:pPr>
                    <a:r>
                      <a:rPr lang="ja-JP" altLang="en-US"/>
                      <a:t>年齢別人口に対する</a:t>
                    </a:r>
                  </a:p>
                  <a:p>
                    <a:pPr>
                      <a:defRPr/>
                    </a:pPr>
                    <a:r>
                      <a:rPr lang="ja-JP" altLang="en-US"/>
                      <a:t>転出者（</a:t>
                    </a:r>
                    <a:r>
                      <a:rPr lang="en-US" altLang="ja-JP"/>
                      <a:t>2019</a:t>
                    </a:r>
                    <a:r>
                      <a:rPr lang="ja-JP" altLang="en-US"/>
                      <a:t>）の割合</a:t>
                    </a:r>
                  </a:p>
                </c:rich>
              </c:tx>
              <c:spPr>
                <a:solidFill>
                  <a:schemeClr val="bg1"/>
                </a:solidFill>
                <a:ln>
                  <a:solidFill>
                    <a:schemeClr val="accent1"/>
                  </a:solid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9343733387821049"/>
                      <c:h val="0.16243651936767711"/>
                    </c:manualLayout>
                  </c15:layout>
                </c:ext>
                <c:ext xmlns:c16="http://schemas.microsoft.com/office/drawing/2014/chart" uri="{C3380CC4-5D6E-409C-BE32-E72D297353CC}">
                  <c16:uniqueId val="{00000003-2AF1-42D6-820F-69CBD134EB55}"/>
                </c:ext>
              </c:extLst>
            </c:dLbl>
            <c:spPr>
              <a:solidFill>
                <a:schemeClr val="bg1"/>
              </a:solid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資料用②!$B$13:$W$13</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16:$W$16</c:f>
              <c:numCache>
                <c:formatCode>0.0%</c:formatCode>
                <c:ptCount val="22"/>
                <c:pt idx="0">
                  <c:v>2.8753412192902637E-2</c:v>
                </c:pt>
                <c:pt idx="1">
                  <c:v>3.1072305593451571E-2</c:v>
                </c:pt>
                <c:pt idx="2">
                  <c:v>4.5276690888764674E-2</c:v>
                </c:pt>
                <c:pt idx="3">
                  <c:v>4.3161181415978023E-2</c:v>
                </c:pt>
                <c:pt idx="4">
                  <c:v>0.11708469110851226</c:v>
                </c:pt>
                <c:pt idx="5">
                  <c:v>8.8670898249663399E-2</c:v>
                </c:pt>
                <c:pt idx="6">
                  <c:v>9.3099571916836044E-2</c:v>
                </c:pt>
                <c:pt idx="7">
                  <c:v>8.9359121234584546E-2</c:v>
                </c:pt>
                <c:pt idx="8">
                  <c:v>8.1108704104871407E-2</c:v>
                </c:pt>
                <c:pt idx="9">
                  <c:v>7.371443318923801E-2</c:v>
                </c:pt>
                <c:pt idx="10">
                  <c:v>6.5869585791349883E-2</c:v>
                </c:pt>
                <c:pt idx="11">
                  <c:v>5.880459053850548E-2</c:v>
                </c:pt>
                <c:pt idx="12">
                  <c:v>5.5281793889639615E-2</c:v>
                </c:pt>
                <c:pt idx="13">
                  <c:v>4.7679968508586329E-2</c:v>
                </c:pt>
                <c:pt idx="14">
                  <c:v>4.3670279222477265E-2</c:v>
                </c:pt>
                <c:pt idx="15">
                  <c:v>4.0543192432984029E-2</c:v>
                </c:pt>
                <c:pt idx="16">
                  <c:v>3.8697407234901414E-2</c:v>
                </c:pt>
                <c:pt idx="17">
                  <c:v>3.218448357395199E-2</c:v>
                </c:pt>
                <c:pt idx="18">
                  <c:v>2.9129584620164104E-2</c:v>
                </c:pt>
                <c:pt idx="19">
                  <c:v>2.3780524674561834E-2</c:v>
                </c:pt>
                <c:pt idx="20">
                  <c:v>2.1128830440295936E-2</c:v>
                </c:pt>
                <c:pt idx="21">
                  <c:v>1.8893301897241959E-2</c:v>
                </c:pt>
              </c:numCache>
            </c:numRef>
          </c:val>
          <c:smooth val="0"/>
          <c:extLst>
            <c:ext xmlns:c16="http://schemas.microsoft.com/office/drawing/2014/chart" uri="{C3380CC4-5D6E-409C-BE32-E72D297353CC}">
              <c16:uniqueId val="{00000004-2AF1-42D6-820F-69CBD134EB55}"/>
            </c:ext>
          </c:extLst>
        </c:ser>
        <c:dLbls>
          <c:showLegendKey val="0"/>
          <c:showVal val="0"/>
          <c:showCatName val="0"/>
          <c:showSerName val="0"/>
          <c:showPercent val="0"/>
          <c:showBubbleSize val="0"/>
        </c:dLbls>
        <c:marker val="1"/>
        <c:smooth val="0"/>
        <c:axId val="95555584"/>
        <c:axId val="95553792"/>
      </c:lineChart>
      <c:catAx>
        <c:axId val="95333376"/>
        <c:scaling>
          <c:orientation val="minMax"/>
        </c:scaling>
        <c:delete val="0"/>
        <c:axPos val="b"/>
        <c:numFmt formatCode="General" sourceLinked="0"/>
        <c:majorTickMark val="out"/>
        <c:minorTickMark val="none"/>
        <c:tickLblPos val="nextTo"/>
        <c:crossAx val="95552256"/>
        <c:crosses val="autoZero"/>
        <c:auto val="1"/>
        <c:lblAlgn val="ctr"/>
        <c:lblOffset val="100"/>
        <c:noMultiLvlLbl val="0"/>
      </c:catAx>
      <c:valAx>
        <c:axId val="95552256"/>
        <c:scaling>
          <c:orientation val="minMax"/>
        </c:scaling>
        <c:delete val="0"/>
        <c:axPos val="l"/>
        <c:majorGridlines/>
        <c:numFmt formatCode="#,##0_);[Red]\(#,##0\)" sourceLinked="0"/>
        <c:majorTickMark val="out"/>
        <c:minorTickMark val="none"/>
        <c:tickLblPos val="nextTo"/>
        <c:crossAx val="95333376"/>
        <c:crosses val="autoZero"/>
        <c:crossBetween val="between"/>
      </c:valAx>
      <c:valAx>
        <c:axId val="95553792"/>
        <c:scaling>
          <c:orientation val="minMax"/>
        </c:scaling>
        <c:delete val="0"/>
        <c:axPos val="r"/>
        <c:numFmt formatCode="0.0%" sourceLinked="1"/>
        <c:majorTickMark val="out"/>
        <c:minorTickMark val="none"/>
        <c:tickLblPos val="nextTo"/>
        <c:crossAx val="95555584"/>
        <c:crosses val="max"/>
        <c:crossBetween val="between"/>
      </c:valAx>
      <c:catAx>
        <c:axId val="95555584"/>
        <c:scaling>
          <c:orientation val="minMax"/>
        </c:scaling>
        <c:delete val="1"/>
        <c:axPos val="b"/>
        <c:numFmt formatCode="General" sourceLinked="1"/>
        <c:majorTickMark val="out"/>
        <c:minorTickMark val="none"/>
        <c:tickLblPos val="nextTo"/>
        <c:crossAx val="95553792"/>
        <c:crosses val="autoZero"/>
        <c:auto val="1"/>
        <c:lblAlgn val="ctr"/>
        <c:lblOffset val="100"/>
        <c:noMultiLvlLbl val="0"/>
      </c:catAx>
    </c:plotArea>
    <c:legend>
      <c:legendPos val="t"/>
      <c:legendEntry>
        <c:idx val="2"/>
        <c:delete val="1"/>
      </c:legendEntry>
      <c:layout>
        <c:manualLayout>
          <c:xMode val="edge"/>
          <c:yMode val="edge"/>
          <c:x val="0.30352808387132763"/>
          <c:y val="2.7072753227946188E-2"/>
          <c:w val="0.44666789343159441"/>
          <c:h val="8.1592375289468846E-2"/>
        </c:manualLayout>
      </c:layout>
      <c:overlay val="0"/>
    </c:legend>
    <c:plotVisOnly val="1"/>
    <c:dispBlanksAs val="gap"/>
    <c:showDLblsOverMax val="0"/>
  </c:chart>
  <c:externalData r:id="rId1">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資料用②!$A$20</c:f>
              <c:strCache>
                <c:ptCount val="1"/>
                <c:pt idx="0">
                  <c:v>転入超過（2019）</c:v>
                </c:pt>
              </c:strCache>
            </c:strRef>
          </c:tx>
          <c:marker>
            <c:symbol val="none"/>
          </c:marker>
          <c:dLbls>
            <c:dLbl>
              <c:idx val="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ABD-4E1C-8184-F1A8579131F3}"/>
                </c:ext>
              </c:extLst>
            </c:dLbl>
            <c:dLbl>
              <c:idx val="2"/>
              <c:layout>
                <c:manualLayout>
                  <c:x val="-3.4976961213181688E-2"/>
                  <c:y val="-6.22171962158180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ABD-4E1C-8184-F1A8579131F3}"/>
                </c:ext>
              </c:extLst>
            </c:dLbl>
            <c:dLbl>
              <c:idx val="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ABD-4E1C-8184-F1A8579131F3}"/>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資料用②!$B$13:$W$13</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20:$W$20</c:f>
              <c:numCache>
                <c:formatCode>#,##0_);[Red]\(#,##0\)</c:formatCode>
                <c:ptCount val="22"/>
                <c:pt idx="0">
                  <c:v>2115</c:v>
                </c:pt>
                <c:pt idx="1">
                  <c:v>170</c:v>
                </c:pt>
                <c:pt idx="2">
                  <c:v>1842</c:v>
                </c:pt>
                <c:pt idx="3">
                  <c:v>770</c:v>
                </c:pt>
                <c:pt idx="4">
                  <c:v>2123</c:v>
                </c:pt>
                <c:pt idx="5">
                  <c:v>1085</c:v>
                </c:pt>
                <c:pt idx="6">
                  <c:v>963</c:v>
                </c:pt>
                <c:pt idx="7">
                  <c:v>640</c:v>
                </c:pt>
                <c:pt idx="8">
                  <c:v>563</c:v>
                </c:pt>
                <c:pt idx="9">
                  <c:v>358</c:v>
                </c:pt>
                <c:pt idx="10">
                  <c:v>457</c:v>
                </c:pt>
                <c:pt idx="11">
                  <c:v>309</c:v>
                </c:pt>
                <c:pt idx="12">
                  <c:v>32</c:v>
                </c:pt>
                <c:pt idx="13">
                  <c:v>-16</c:v>
                </c:pt>
                <c:pt idx="14">
                  <c:v>-73</c:v>
                </c:pt>
                <c:pt idx="15">
                  <c:v>-190</c:v>
                </c:pt>
                <c:pt idx="16">
                  <c:v>-320</c:v>
                </c:pt>
                <c:pt idx="17">
                  <c:v>-216</c:v>
                </c:pt>
                <c:pt idx="18">
                  <c:v>-76</c:v>
                </c:pt>
                <c:pt idx="19">
                  <c:v>-81</c:v>
                </c:pt>
                <c:pt idx="20">
                  <c:v>-72</c:v>
                </c:pt>
                <c:pt idx="21">
                  <c:v>-138</c:v>
                </c:pt>
              </c:numCache>
            </c:numRef>
          </c:val>
          <c:smooth val="0"/>
          <c:extLst>
            <c:ext xmlns:c16="http://schemas.microsoft.com/office/drawing/2014/chart" uri="{C3380CC4-5D6E-409C-BE32-E72D297353CC}">
              <c16:uniqueId val="{00000003-8ABD-4E1C-8184-F1A8579131F3}"/>
            </c:ext>
          </c:extLst>
        </c:ser>
        <c:dLbls>
          <c:showLegendKey val="0"/>
          <c:showVal val="0"/>
          <c:showCatName val="0"/>
          <c:showSerName val="0"/>
          <c:showPercent val="0"/>
          <c:showBubbleSize val="0"/>
        </c:dLbls>
        <c:smooth val="0"/>
        <c:axId val="95562368"/>
        <c:axId val="95576448"/>
      </c:lineChart>
      <c:catAx>
        <c:axId val="95562368"/>
        <c:scaling>
          <c:orientation val="minMax"/>
        </c:scaling>
        <c:delete val="0"/>
        <c:axPos val="b"/>
        <c:numFmt formatCode="General" sourceLinked="0"/>
        <c:majorTickMark val="out"/>
        <c:minorTickMark val="none"/>
        <c:tickLblPos val="low"/>
        <c:spPr>
          <a:ln>
            <a:solidFill>
              <a:schemeClr val="tx1"/>
            </a:solidFill>
          </a:ln>
        </c:spPr>
        <c:crossAx val="95576448"/>
        <c:crosses val="autoZero"/>
        <c:auto val="1"/>
        <c:lblAlgn val="ctr"/>
        <c:lblOffset val="100"/>
        <c:noMultiLvlLbl val="0"/>
      </c:catAx>
      <c:valAx>
        <c:axId val="95576448"/>
        <c:scaling>
          <c:orientation val="minMax"/>
        </c:scaling>
        <c:delete val="0"/>
        <c:axPos val="l"/>
        <c:majorGridlines/>
        <c:numFmt formatCode="#,##0_ " sourceLinked="0"/>
        <c:majorTickMark val="out"/>
        <c:minorTickMark val="none"/>
        <c:tickLblPos val="nextTo"/>
        <c:crossAx val="95562368"/>
        <c:crosses val="autoZero"/>
        <c:crossBetween val="between"/>
        <c:majorUnit val="1000"/>
      </c:valAx>
    </c:plotArea>
    <c:plotVisOnly val="1"/>
    <c:dispBlanksAs val="gap"/>
    <c:showDLblsOverMax val="0"/>
  </c:chart>
  <c:externalData r:id="rId1">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46872351113"/>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N$52:$N$63</c:f>
              <c:numCache>
                <c:formatCode>0.0%</c:formatCode>
                <c:ptCount val="3"/>
                <c:pt idx="0">
                  <c:v>0.24475578805614545</c:v>
                </c:pt>
                <c:pt idx="1">
                  <c:v>0.26654299654401303</c:v>
                </c:pt>
                <c:pt idx="2">
                  <c:v>0.21786120591581343</c:v>
                </c:pt>
              </c:numCache>
            </c:numRef>
          </c:val>
          <c:extLst>
            <c:ext xmlns:c16="http://schemas.microsoft.com/office/drawing/2014/chart" uri="{C3380CC4-5D6E-409C-BE32-E72D297353CC}">
              <c16:uniqueId val="{00000000-F6ED-4A4C-B468-730FE1BD417F}"/>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O$52:$O$63</c:f>
              <c:numCache>
                <c:formatCode>0.0%</c:formatCode>
                <c:ptCount val="3"/>
                <c:pt idx="0">
                  <c:v>0.23600248614492153</c:v>
                </c:pt>
                <c:pt idx="1">
                  <c:v>0.23612522870502134</c:v>
                </c:pt>
                <c:pt idx="2">
                  <c:v>0.22475824800910124</c:v>
                </c:pt>
              </c:numCache>
            </c:numRef>
          </c:val>
          <c:extLst>
            <c:ext xmlns:c16="http://schemas.microsoft.com/office/drawing/2014/chart" uri="{C3380CC4-5D6E-409C-BE32-E72D297353CC}">
              <c16:uniqueId val="{00000001-F6ED-4A4C-B468-730FE1BD417F}"/>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P$52:$P$63</c:f>
              <c:numCache>
                <c:formatCode>0.0%</c:formatCode>
                <c:ptCount val="3"/>
                <c:pt idx="0">
                  <c:v>0.42761692650334077</c:v>
                </c:pt>
                <c:pt idx="1">
                  <c:v>0.34394694043504775</c:v>
                </c:pt>
                <c:pt idx="2">
                  <c:v>0.36478479332574898</c:v>
                </c:pt>
              </c:numCache>
            </c:numRef>
          </c:val>
          <c:extLst>
            <c:ext xmlns:c16="http://schemas.microsoft.com/office/drawing/2014/chart" uri="{C3380CC4-5D6E-409C-BE32-E72D297353CC}">
              <c16:uniqueId val="{00000002-F6ED-4A4C-B468-730FE1BD417F}"/>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東京都</c:v>
                  </c:pt>
                </c:lvl>
              </c:multiLvlStrCache>
            </c:multiLvlStrRef>
          </c:cat>
          <c:val>
            <c:numRef>
              <c:f>'新（高齢者除く） '!$Q$52:$Q$63</c:f>
              <c:numCache>
                <c:formatCode>0.0%</c:formatCode>
                <c:ptCount val="3"/>
                <c:pt idx="0">
                  <c:v>9.1624799295592266E-2</c:v>
                </c:pt>
                <c:pt idx="1">
                  <c:v>0.15338483431591787</c:v>
                </c:pt>
                <c:pt idx="2">
                  <c:v>0.19259575274933638</c:v>
                </c:pt>
              </c:numCache>
            </c:numRef>
          </c:val>
          <c:extLst>
            <c:ext xmlns:c16="http://schemas.microsoft.com/office/drawing/2014/chart" uri="{C3380CC4-5D6E-409C-BE32-E72D297353CC}">
              <c16:uniqueId val="{00000003-F6ED-4A4C-B468-730FE1BD417F}"/>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F6ED-4A4C-B468-730FE1BD417F}"/>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485757456943294"/>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N$52:$N$63</c:f>
              <c:numCache>
                <c:formatCode>0.0%</c:formatCode>
                <c:ptCount val="3"/>
                <c:pt idx="0">
                  <c:v>0.22133766889050849</c:v>
                </c:pt>
                <c:pt idx="1">
                  <c:v>0.23778764634638677</c:v>
                </c:pt>
                <c:pt idx="2">
                  <c:v>0.20132346343651861</c:v>
                </c:pt>
              </c:numCache>
            </c:numRef>
          </c:val>
          <c:extLst>
            <c:ext xmlns:c16="http://schemas.microsoft.com/office/drawing/2014/chart" uri="{C3380CC4-5D6E-409C-BE32-E72D297353CC}">
              <c16:uniqueId val="{00000000-E07C-47E1-A826-2486367CAEFA}"/>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O$52:$O$63</c:f>
              <c:numCache>
                <c:formatCode>0.0%</c:formatCode>
                <c:ptCount val="3"/>
                <c:pt idx="0">
                  <c:v>0.23350339182597971</c:v>
                </c:pt>
                <c:pt idx="1">
                  <c:v>0.24338197127862046</c:v>
                </c:pt>
                <c:pt idx="2">
                  <c:v>0.23026020637056976</c:v>
                </c:pt>
              </c:numCache>
            </c:numRef>
          </c:val>
          <c:extLst>
            <c:ext xmlns:c16="http://schemas.microsoft.com/office/drawing/2014/chart" uri="{C3380CC4-5D6E-409C-BE32-E72D297353CC}">
              <c16:uniqueId val="{00000001-E07C-47E1-A826-2486367CAEFA}"/>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P$52:$P$63</c:f>
              <c:numCache>
                <c:formatCode>0.0%</c:formatCode>
                <c:ptCount val="3"/>
                <c:pt idx="0">
                  <c:v>0.46397936872792511</c:v>
                </c:pt>
                <c:pt idx="1">
                  <c:v>0.39085299036853338</c:v>
                </c:pt>
                <c:pt idx="2">
                  <c:v>0.41369448183041724</c:v>
                </c:pt>
              </c:numCache>
            </c:numRef>
          </c:val>
          <c:extLst>
            <c:ext xmlns:c16="http://schemas.microsoft.com/office/drawing/2014/chart" uri="{C3380CC4-5D6E-409C-BE32-E72D297353CC}">
              <c16:uniqueId val="{00000002-E07C-47E1-A826-2486367CAEFA}"/>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愛知県</c:v>
                  </c:pt>
                </c:lvl>
              </c:multiLvlStrCache>
            </c:multiLvlStrRef>
          </c:cat>
          <c:val>
            <c:numRef>
              <c:f>'新（高齢者除く） '!$Q$52:$Q$63</c:f>
              <c:numCache>
                <c:formatCode>0.0%</c:formatCode>
                <c:ptCount val="3"/>
                <c:pt idx="0">
                  <c:v>8.1179570555586708E-2</c:v>
                </c:pt>
                <c:pt idx="1">
                  <c:v>0.12797739200645944</c:v>
                </c:pt>
                <c:pt idx="2">
                  <c:v>0.15472184836249439</c:v>
                </c:pt>
              </c:numCache>
            </c:numRef>
          </c:val>
          <c:extLst>
            <c:ext xmlns:c16="http://schemas.microsoft.com/office/drawing/2014/chart" uri="{C3380CC4-5D6E-409C-BE32-E72D297353CC}">
              <c16:uniqueId val="{00000003-E07C-47E1-A826-2486367CAEFA}"/>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E07C-47E1-A826-2486367CAEFA}"/>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8.5842546020782826E-2"/>
          <c:w val="0.75132052263008897"/>
          <c:h val="0.71049114694259818"/>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N$52:$N$63</c:f>
              <c:numCache>
                <c:formatCode>0.0%</c:formatCode>
                <c:ptCount val="3"/>
                <c:pt idx="0">
                  <c:v>0.26282819068120589</c:v>
                </c:pt>
                <c:pt idx="1">
                  <c:v>0.27905770101333705</c:v>
                </c:pt>
                <c:pt idx="2">
                  <c:v>0.24409777522082915</c:v>
                </c:pt>
              </c:numCache>
            </c:numRef>
          </c:val>
          <c:extLst>
            <c:ext xmlns:c16="http://schemas.microsoft.com/office/drawing/2014/chart" uri="{C3380CC4-5D6E-409C-BE32-E72D297353CC}">
              <c16:uniqueId val="{00000000-39DF-4FE8-AEAC-EC1CCAE3A9B2}"/>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O$52:$O$63</c:f>
              <c:numCache>
                <c:formatCode>0.0%</c:formatCode>
                <c:ptCount val="3"/>
                <c:pt idx="0">
                  <c:v>0.2389454582445962</c:v>
                </c:pt>
                <c:pt idx="1">
                  <c:v>0.24601803809590139</c:v>
                </c:pt>
                <c:pt idx="2">
                  <c:v>0.2327704148571188</c:v>
                </c:pt>
              </c:numCache>
            </c:numRef>
          </c:val>
          <c:extLst>
            <c:ext xmlns:c16="http://schemas.microsoft.com/office/drawing/2014/chart" uri="{C3380CC4-5D6E-409C-BE32-E72D297353CC}">
              <c16:uniqueId val="{00000001-39DF-4FE8-AEAC-EC1CCAE3A9B2}"/>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P$52:$P$63</c:f>
              <c:numCache>
                <c:formatCode>0.0%</c:formatCode>
                <c:ptCount val="3"/>
                <c:pt idx="0">
                  <c:v>0.4352511493441929</c:v>
                </c:pt>
                <c:pt idx="1">
                  <c:v>0.36229062924400179</c:v>
                </c:pt>
                <c:pt idx="2">
                  <c:v>0.38815766394679052</c:v>
                </c:pt>
              </c:numCache>
            </c:numRef>
          </c:val>
          <c:extLst>
            <c:ext xmlns:c16="http://schemas.microsoft.com/office/drawing/2014/chart" uri="{C3380CC4-5D6E-409C-BE32-E72D297353CC}">
              <c16:uniqueId val="{00000002-39DF-4FE8-AEAC-EC1CCAE3A9B2}"/>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全国</c:v>
                  </c:pt>
                </c:lvl>
              </c:multiLvlStrCache>
            </c:multiLvlStrRef>
          </c:cat>
          <c:val>
            <c:numRef>
              <c:f>'新（高齢者除く） '!$Q$52:$Q$63</c:f>
              <c:numCache>
                <c:formatCode>0.0%</c:formatCode>
                <c:ptCount val="3"/>
                <c:pt idx="0">
                  <c:v>6.2975201730005023E-2</c:v>
                </c:pt>
                <c:pt idx="1">
                  <c:v>0.11263363164675975</c:v>
                </c:pt>
                <c:pt idx="2">
                  <c:v>0.13497414597526153</c:v>
                </c:pt>
              </c:numCache>
            </c:numRef>
          </c:val>
          <c:extLst>
            <c:ext xmlns:c16="http://schemas.microsoft.com/office/drawing/2014/chart" uri="{C3380CC4-5D6E-409C-BE32-E72D297353CC}">
              <c16:uniqueId val="{00000003-39DF-4FE8-AEAC-EC1CCAE3A9B2}"/>
            </c:ext>
          </c:extLst>
        </c:ser>
        <c:dLbls>
          <c:showLegendKey val="0"/>
          <c:showVal val="0"/>
          <c:showCatName val="0"/>
          <c:showSerName val="0"/>
          <c:showPercent val="0"/>
          <c:showBubbleSize val="0"/>
        </c:dLbls>
        <c:gapWidth val="107"/>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高齢者除く） '!$F$32</c15:sqref>
                        </c15:formulaRef>
                      </c:ext>
                    </c:extLst>
                    <c:numCache>
                      <c:formatCode>General</c:formatCode>
                      <c:ptCount val="1"/>
                      <c:pt idx="0">
                        <c:v>0</c:v>
                      </c:pt>
                    </c:numCache>
                  </c:numRef>
                </c:val>
                <c:extLst>
                  <c:ext xmlns:c16="http://schemas.microsoft.com/office/drawing/2014/chart" uri="{C3380CC4-5D6E-409C-BE32-E72D297353CC}">
                    <c16:uniqueId val="{00000004-39DF-4FE8-AEAC-EC1CCAE3A9B2}"/>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0"/>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6182471756247863E-2"/>
          <c:y val="0.10662252445717013"/>
          <c:w val="0.89337275891235335"/>
          <c:h val="0.72941923168694822"/>
        </c:manualLayout>
      </c:layout>
      <c:lineChart>
        <c:grouping val="standard"/>
        <c:varyColors val="0"/>
        <c:ser>
          <c:idx val="0"/>
          <c:order val="0"/>
          <c:tx>
            <c:strRef>
              <c:f>百貨店・スーパー!$B$3</c:f>
              <c:strCache>
                <c:ptCount val="1"/>
                <c:pt idx="0">
                  <c:v>大阪府</c:v>
                </c:pt>
              </c:strCache>
            </c:strRef>
          </c:tx>
          <c:marker>
            <c:symbol val="none"/>
          </c:marker>
          <c:cat>
            <c:numRef>
              <c:f>百貨店・スーパー!$A$4:$A$132</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百貨店・スーパー!$B$4:$B$132</c:f>
              <c:numCache>
                <c:formatCode>0.0;"▲ "0.0</c:formatCode>
                <c:ptCount val="129"/>
                <c:pt idx="0">
                  <c:v>-8.3000000000000007</c:v>
                </c:pt>
                <c:pt idx="1">
                  <c:v>-6.4</c:v>
                </c:pt>
                <c:pt idx="2">
                  <c:v>-5.0999999999999996</c:v>
                </c:pt>
                <c:pt idx="3">
                  <c:v>-5.8</c:v>
                </c:pt>
                <c:pt idx="4">
                  <c:v>-5.0999999999999996</c:v>
                </c:pt>
                <c:pt idx="5">
                  <c:v>-9.4</c:v>
                </c:pt>
                <c:pt idx="6">
                  <c:v>-1.9</c:v>
                </c:pt>
                <c:pt idx="7">
                  <c:v>-5.0999999999999996</c:v>
                </c:pt>
                <c:pt idx="8">
                  <c:v>-1.4</c:v>
                </c:pt>
                <c:pt idx="9">
                  <c:v>-0.6</c:v>
                </c:pt>
                <c:pt idx="10">
                  <c:v>-0.4</c:v>
                </c:pt>
                <c:pt idx="11">
                  <c:v>-1.9</c:v>
                </c:pt>
                <c:pt idx="12">
                  <c:v>0.1</c:v>
                </c:pt>
                <c:pt idx="13">
                  <c:v>-1.2</c:v>
                </c:pt>
                <c:pt idx="14">
                  <c:v>-2.6</c:v>
                </c:pt>
                <c:pt idx="15">
                  <c:v>1.5</c:v>
                </c:pt>
                <c:pt idx="16">
                  <c:v>2.5</c:v>
                </c:pt>
                <c:pt idx="17">
                  <c:v>4.0999999999999996</c:v>
                </c:pt>
                <c:pt idx="18">
                  <c:v>3.5</c:v>
                </c:pt>
                <c:pt idx="19">
                  <c:v>0.2</c:v>
                </c:pt>
                <c:pt idx="20">
                  <c:v>0.1</c:v>
                </c:pt>
                <c:pt idx="21">
                  <c:v>1.8</c:v>
                </c:pt>
                <c:pt idx="22">
                  <c:v>0.4</c:v>
                </c:pt>
                <c:pt idx="23">
                  <c:v>2.8</c:v>
                </c:pt>
                <c:pt idx="24">
                  <c:v>1.9</c:v>
                </c:pt>
                <c:pt idx="25">
                  <c:v>4.3</c:v>
                </c:pt>
                <c:pt idx="26">
                  <c:v>1.8</c:v>
                </c:pt>
                <c:pt idx="27">
                  <c:v>-0.3</c:v>
                </c:pt>
                <c:pt idx="28">
                  <c:v>-2.2000000000000002</c:v>
                </c:pt>
                <c:pt idx="29">
                  <c:v>-3.6</c:v>
                </c:pt>
                <c:pt idx="30">
                  <c:v>-4</c:v>
                </c:pt>
                <c:pt idx="31">
                  <c:v>-0.2</c:v>
                </c:pt>
                <c:pt idx="32">
                  <c:v>-0.9</c:v>
                </c:pt>
                <c:pt idx="33">
                  <c:v>-2.2999999999999998</c:v>
                </c:pt>
                <c:pt idx="34">
                  <c:v>3.9</c:v>
                </c:pt>
                <c:pt idx="35">
                  <c:v>2.4</c:v>
                </c:pt>
                <c:pt idx="36">
                  <c:v>-0.5</c:v>
                </c:pt>
                <c:pt idx="37">
                  <c:v>-1.2</c:v>
                </c:pt>
                <c:pt idx="38">
                  <c:v>6.4</c:v>
                </c:pt>
                <c:pt idx="39">
                  <c:v>0.25810870159747878</c:v>
                </c:pt>
                <c:pt idx="40">
                  <c:v>2.8106716962601297</c:v>
                </c:pt>
                <c:pt idx="41">
                  <c:v>9.394786623763892</c:v>
                </c:pt>
                <c:pt idx="42">
                  <c:v>0.90498846619020412</c:v>
                </c:pt>
                <c:pt idx="43">
                  <c:v>3.6801939750309884</c:v>
                </c:pt>
                <c:pt idx="44">
                  <c:v>4.8408046264818267</c:v>
                </c:pt>
                <c:pt idx="45">
                  <c:v>3.3053491276587437</c:v>
                </c:pt>
                <c:pt idx="46">
                  <c:v>1.4316768454270061</c:v>
                </c:pt>
                <c:pt idx="47">
                  <c:v>1.6404599720488307</c:v>
                </c:pt>
                <c:pt idx="48">
                  <c:v>2.7082084371137967</c:v>
                </c:pt>
                <c:pt idx="49">
                  <c:v>5.0309154594597345</c:v>
                </c:pt>
                <c:pt idx="50">
                  <c:v>22.911106520643827</c:v>
                </c:pt>
                <c:pt idx="51">
                  <c:v>-5.3383020623856652</c:v>
                </c:pt>
                <c:pt idx="52">
                  <c:v>1.2628314239676826</c:v>
                </c:pt>
                <c:pt idx="53">
                  <c:v>-1.190372019524645</c:v>
                </c:pt>
                <c:pt idx="54">
                  <c:v>1.595206340001937</c:v>
                </c:pt>
                <c:pt idx="55">
                  <c:v>2.3905782882138737</c:v>
                </c:pt>
                <c:pt idx="56">
                  <c:v>1.4730556771542496</c:v>
                </c:pt>
                <c:pt idx="57">
                  <c:v>0.7384685778620792</c:v>
                </c:pt>
                <c:pt idx="58">
                  <c:v>2.1970410800718128</c:v>
                </c:pt>
                <c:pt idx="59">
                  <c:v>1.3439608115565846</c:v>
                </c:pt>
                <c:pt idx="60">
                  <c:v>1.4747061097060197</c:v>
                </c:pt>
                <c:pt idx="61">
                  <c:v>1.1837449201731687</c:v>
                </c:pt>
                <c:pt idx="62">
                  <c:v>-15.041863432703281</c:v>
                </c:pt>
                <c:pt idx="63">
                  <c:v>13.262224595837523</c:v>
                </c:pt>
                <c:pt idx="64">
                  <c:v>7.198720205867474</c:v>
                </c:pt>
                <c:pt idx="65">
                  <c:v>1.0959945315405406</c:v>
                </c:pt>
                <c:pt idx="66">
                  <c:v>3.976887139289758</c:v>
                </c:pt>
                <c:pt idx="67">
                  <c:v>5.6315782905016647</c:v>
                </c:pt>
                <c:pt idx="68">
                  <c:v>5.0311477275720904</c:v>
                </c:pt>
                <c:pt idx="69">
                  <c:v>7.4136516898659437</c:v>
                </c:pt>
                <c:pt idx="70">
                  <c:v>1.4044928274009436</c:v>
                </c:pt>
                <c:pt idx="71">
                  <c:v>1.7605208076282963</c:v>
                </c:pt>
                <c:pt idx="72">
                  <c:v>1.6823007794617837</c:v>
                </c:pt>
                <c:pt idx="73">
                  <c:v>2.9424078009442525</c:v>
                </c:pt>
                <c:pt idx="74">
                  <c:v>0.25102237649521442</c:v>
                </c:pt>
                <c:pt idx="75">
                  <c:v>-4.327733173100512E-2</c:v>
                </c:pt>
                <c:pt idx="76">
                  <c:v>-2.218411314466195</c:v>
                </c:pt>
                <c:pt idx="77">
                  <c:v>-2.0433535377857197</c:v>
                </c:pt>
                <c:pt idx="78">
                  <c:v>0.51520311099129401</c:v>
                </c:pt>
                <c:pt idx="79">
                  <c:v>-4.6760808980149733</c:v>
                </c:pt>
                <c:pt idx="80">
                  <c:v>-4.5611220557985916</c:v>
                </c:pt>
                <c:pt idx="81">
                  <c:v>-1.9683426024216146</c:v>
                </c:pt>
                <c:pt idx="82">
                  <c:v>-1.2086256380862181</c:v>
                </c:pt>
                <c:pt idx="83">
                  <c:v>-0.71682880477142419</c:v>
                </c:pt>
                <c:pt idx="84">
                  <c:v>1.0947978174903596</c:v>
                </c:pt>
                <c:pt idx="85">
                  <c:v>0.75767471849650292</c:v>
                </c:pt>
                <c:pt idx="86">
                  <c:v>-0.16144591803994501</c:v>
                </c:pt>
                <c:pt idx="87">
                  <c:v>1.286771504560619</c:v>
                </c:pt>
                <c:pt idx="88">
                  <c:v>1.1258668407514847</c:v>
                </c:pt>
                <c:pt idx="89">
                  <c:v>2.2655170320761755</c:v>
                </c:pt>
                <c:pt idx="90">
                  <c:v>1.6287612548137673</c:v>
                </c:pt>
                <c:pt idx="91">
                  <c:v>2.3486232374114309</c:v>
                </c:pt>
                <c:pt idx="92">
                  <c:v>5.8976152106825026</c:v>
                </c:pt>
                <c:pt idx="93">
                  <c:v>1.5800868829299901</c:v>
                </c:pt>
                <c:pt idx="94">
                  <c:v>3.5531847132084238</c:v>
                </c:pt>
                <c:pt idx="95">
                  <c:v>2.1608590074451399</c:v>
                </c:pt>
                <c:pt idx="96">
                  <c:v>1.9876150482064361</c:v>
                </c:pt>
                <c:pt idx="97">
                  <c:v>0.59015329187973009</c:v>
                </c:pt>
                <c:pt idx="98">
                  <c:v>4.0127354362610816</c:v>
                </c:pt>
                <c:pt idx="99">
                  <c:v>2.8905315758412655</c:v>
                </c:pt>
                <c:pt idx="100">
                  <c:v>0.11689204659862185</c:v>
                </c:pt>
                <c:pt idx="101">
                  <c:v>2.5470962055104138</c:v>
                </c:pt>
                <c:pt idx="102">
                  <c:v>-1.9445834009990506</c:v>
                </c:pt>
                <c:pt idx="103">
                  <c:v>1.7618544265480125</c:v>
                </c:pt>
                <c:pt idx="104">
                  <c:v>-2.0409501463610837</c:v>
                </c:pt>
                <c:pt idx="105">
                  <c:v>1.8251953782967973</c:v>
                </c:pt>
                <c:pt idx="106">
                  <c:v>-1.3341371453120416</c:v>
                </c:pt>
                <c:pt idx="107">
                  <c:v>0.19889140552167817</c:v>
                </c:pt>
                <c:pt idx="108">
                  <c:v>-3.301383800956458</c:v>
                </c:pt>
                <c:pt idx="109">
                  <c:v>0.92587298529724649</c:v>
                </c:pt>
                <c:pt idx="110">
                  <c:v>1.0298164795779172</c:v>
                </c:pt>
                <c:pt idx="111">
                  <c:v>0.52649276631673558</c:v>
                </c:pt>
                <c:pt idx="112">
                  <c:v>1.3699991140256031</c:v>
                </c:pt>
                <c:pt idx="113">
                  <c:v>1.0956510899829084</c:v>
                </c:pt>
                <c:pt idx="114">
                  <c:v>-2.0227514683933947</c:v>
                </c:pt>
                <c:pt idx="115">
                  <c:v>1.5991509393806069</c:v>
                </c:pt>
                <c:pt idx="116">
                  <c:v>17.343657423166462</c:v>
                </c:pt>
                <c:pt idx="117">
                  <c:v>-10.140383245273398</c:v>
                </c:pt>
                <c:pt idx="118">
                  <c:v>-3.4715091102834066</c:v>
                </c:pt>
                <c:pt idx="119">
                  <c:v>-3.9962404137135508</c:v>
                </c:pt>
                <c:pt idx="120">
                  <c:v>-2.2493438264937993</c:v>
                </c:pt>
                <c:pt idx="121">
                  <c:v>-9.2447562405310038</c:v>
                </c:pt>
                <c:pt idx="122">
                  <c:v>-21.727127594323875</c:v>
                </c:pt>
                <c:pt idx="123">
                  <c:v>-39.461977611913213</c:v>
                </c:pt>
                <c:pt idx="124">
                  <c:v>-33.343092464772411</c:v>
                </c:pt>
                <c:pt idx="125">
                  <c:v>-12.859556471587254</c:v>
                </c:pt>
                <c:pt idx="126">
                  <c:v>-13.11160951110017</c:v>
                </c:pt>
                <c:pt idx="127">
                  <c:v>-12.6329316875551</c:v>
                </c:pt>
                <c:pt idx="128">
                  <c:v>-25.310310339032981</c:v>
                </c:pt>
              </c:numCache>
            </c:numRef>
          </c:val>
          <c:smooth val="0"/>
          <c:extLst>
            <c:ext xmlns:c16="http://schemas.microsoft.com/office/drawing/2014/chart" uri="{C3380CC4-5D6E-409C-BE32-E72D297353CC}">
              <c16:uniqueId val="{00000000-AE7A-466E-AA1A-286A00CFC576}"/>
            </c:ext>
          </c:extLst>
        </c:ser>
        <c:ser>
          <c:idx val="2"/>
          <c:order val="1"/>
          <c:tx>
            <c:strRef>
              <c:f>百貨店・スーパー!$C$3</c:f>
              <c:strCache>
                <c:ptCount val="1"/>
                <c:pt idx="0">
                  <c:v>全国</c:v>
                </c:pt>
              </c:strCache>
            </c:strRef>
          </c:tx>
          <c:spPr>
            <a:ln>
              <a:solidFill>
                <a:srgbClr val="C00000"/>
              </a:solidFill>
              <a:prstDash val="sysDash"/>
            </a:ln>
          </c:spPr>
          <c:marker>
            <c:symbol val="none"/>
          </c:marker>
          <c:cat>
            <c:numRef>
              <c:f>百貨店・スーパー!$A$4:$A$132</c:f>
              <c:numCache>
                <c:formatCode>yyyy"年"m"月"</c:formatCode>
                <c:ptCount val="129"/>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numCache>
            </c:numRef>
          </c:cat>
          <c:val>
            <c:numRef>
              <c:f>百貨店・スーパー!$C$4:$C$132</c:f>
              <c:numCache>
                <c:formatCode>0.0;"▲ "0.0</c:formatCode>
                <c:ptCount val="129"/>
                <c:pt idx="0">
                  <c:v>-5.0999999999999996</c:v>
                </c:pt>
                <c:pt idx="1">
                  <c:v>-3.4</c:v>
                </c:pt>
                <c:pt idx="2">
                  <c:v>-4.0999999999999996</c:v>
                </c:pt>
                <c:pt idx="3">
                  <c:v>-3</c:v>
                </c:pt>
                <c:pt idx="4">
                  <c:v>-3.2</c:v>
                </c:pt>
                <c:pt idx="5">
                  <c:v>-2.4</c:v>
                </c:pt>
                <c:pt idx="6">
                  <c:v>-1.1000000000000001</c:v>
                </c:pt>
                <c:pt idx="7">
                  <c:v>-1.1000000000000001</c:v>
                </c:pt>
                <c:pt idx="8">
                  <c:v>-1</c:v>
                </c:pt>
                <c:pt idx="9">
                  <c:v>1.2</c:v>
                </c:pt>
                <c:pt idx="10">
                  <c:v>0.5</c:v>
                </c:pt>
                <c:pt idx="11">
                  <c:v>-1.6</c:v>
                </c:pt>
                <c:pt idx="12">
                  <c:v>-0.6</c:v>
                </c:pt>
                <c:pt idx="13">
                  <c:v>1.1000000000000001</c:v>
                </c:pt>
                <c:pt idx="14">
                  <c:v>-6.5</c:v>
                </c:pt>
                <c:pt idx="15">
                  <c:v>-0.9</c:v>
                </c:pt>
                <c:pt idx="16">
                  <c:v>-1.3</c:v>
                </c:pt>
                <c:pt idx="17">
                  <c:v>0.4</c:v>
                </c:pt>
                <c:pt idx="18">
                  <c:v>1.8</c:v>
                </c:pt>
                <c:pt idx="19">
                  <c:v>-1.8</c:v>
                </c:pt>
                <c:pt idx="20">
                  <c:v>-2.4</c:v>
                </c:pt>
                <c:pt idx="21">
                  <c:v>-0.5</c:v>
                </c:pt>
                <c:pt idx="22">
                  <c:v>-1.6</c:v>
                </c:pt>
                <c:pt idx="23">
                  <c:v>0.6</c:v>
                </c:pt>
                <c:pt idx="24">
                  <c:v>-0.1</c:v>
                </c:pt>
                <c:pt idx="25">
                  <c:v>1.3</c:v>
                </c:pt>
                <c:pt idx="26">
                  <c:v>6.1</c:v>
                </c:pt>
                <c:pt idx="27">
                  <c:v>0.1</c:v>
                </c:pt>
                <c:pt idx="28">
                  <c:v>-0.1</c:v>
                </c:pt>
                <c:pt idx="29">
                  <c:v>-2.2000000000000002</c:v>
                </c:pt>
                <c:pt idx="30">
                  <c:v>-4</c:v>
                </c:pt>
                <c:pt idx="31" formatCode="0.0;\▲\ 0.0;\▲\ 0.0">
                  <c:v>0</c:v>
                </c:pt>
                <c:pt idx="32">
                  <c:v>-0.2</c:v>
                </c:pt>
                <c:pt idx="33">
                  <c:v>-2.4</c:v>
                </c:pt>
                <c:pt idx="34">
                  <c:v>1.6</c:v>
                </c:pt>
                <c:pt idx="35">
                  <c:v>0.7</c:v>
                </c:pt>
                <c:pt idx="36">
                  <c:v>-2.9</c:v>
                </c:pt>
                <c:pt idx="37">
                  <c:v>-2.9</c:v>
                </c:pt>
                <c:pt idx="38">
                  <c:v>3.5</c:v>
                </c:pt>
                <c:pt idx="39">
                  <c:v>-1</c:v>
                </c:pt>
                <c:pt idx="40">
                  <c:v>0.8</c:v>
                </c:pt>
                <c:pt idx="41">
                  <c:v>4.4835399543204488</c:v>
                </c:pt>
                <c:pt idx="42">
                  <c:v>-0.73147955168299461</c:v>
                </c:pt>
                <c:pt idx="43">
                  <c:v>0.873149363507153</c:v>
                </c:pt>
                <c:pt idx="44">
                  <c:v>1.6643664350476399</c:v>
                </c:pt>
                <c:pt idx="45">
                  <c:v>0.8</c:v>
                </c:pt>
                <c:pt idx="46">
                  <c:v>1.2341919263533185</c:v>
                </c:pt>
                <c:pt idx="47">
                  <c:v>0.89976325907056776</c:v>
                </c:pt>
                <c:pt idx="48">
                  <c:v>0.7</c:v>
                </c:pt>
                <c:pt idx="49">
                  <c:v>2.4</c:v>
                </c:pt>
                <c:pt idx="50">
                  <c:v>17</c:v>
                </c:pt>
                <c:pt idx="51">
                  <c:v>-6</c:v>
                </c:pt>
                <c:pt idx="52">
                  <c:v>-0.5</c:v>
                </c:pt>
                <c:pt idx="53">
                  <c:v>-1.2</c:v>
                </c:pt>
                <c:pt idx="54">
                  <c:v>0.3</c:v>
                </c:pt>
                <c:pt idx="55">
                  <c:v>2.8</c:v>
                </c:pt>
                <c:pt idx="56">
                  <c:v>1.7</c:v>
                </c:pt>
                <c:pt idx="57">
                  <c:v>1</c:v>
                </c:pt>
                <c:pt idx="58">
                  <c:v>1.9</c:v>
                </c:pt>
                <c:pt idx="59">
                  <c:v>0.7</c:v>
                </c:pt>
                <c:pt idx="60">
                  <c:v>0.6</c:v>
                </c:pt>
                <c:pt idx="61">
                  <c:v>2</c:v>
                </c:pt>
                <c:pt idx="62">
                  <c:v>-12.3</c:v>
                </c:pt>
                <c:pt idx="63">
                  <c:v>9.5</c:v>
                </c:pt>
                <c:pt idx="64">
                  <c:v>6.3</c:v>
                </c:pt>
                <c:pt idx="65">
                  <c:v>0.6</c:v>
                </c:pt>
                <c:pt idx="66">
                  <c:v>3.2</c:v>
                </c:pt>
                <c:pt idx="67">
                  <c:v>2.6</c:v>
                </c:pt>
                <c:pt idx="68">
                  <c:v>2.6</c:v>
                </c:pt>
                <c:pt idx="69">
                  <c:v>4</c:v>
                </c:pt>
                <c:pt idx="70">
                  <c:v>-0.8</c:v>
                </c:pt>
                <c:pt idx="71">
                  <c:v>0.9</c:v>
                </c:pt>
                <c:pt idx="72">
                  <c:v>2.1</c:v>
                </c:pt>
                <c:pt idx="73">
                  <c:v>3.3</c:v>
                </c:pt>
                <c:pt idx="74">
                  <c:v>-0.2</c:v>
                </c:pt>
                <c:pt idx="75">
                  <c:v>-0.1</c:v>
                </c:pt>
                <c:pt idx="76">
                  <c:v>-1.9</c:v>
                </c:pt>
                <c:pt idx="77">
                  <c:v>-0.7</c:v>
                </c:pt>
                <c:pt idx="78">
                  <c:v>0.9</c:v>
                </c:pt>
                <c:pt idx="79">
                  <c:v>-3.2</c:v>
                </c:pt>
                <c:pt idx="80">
                  <c:v>-2.7</c:v>
                </c:pt>
                <c:pt idx="81">
                  <c:v>-0.6</c:v>
                </c:pt>
                <c:pt idx="82">
                  <c:v>-0.1</c:v>
                </c:pt>
                <c:pt idx="83">
                  <c:v>-1.2</c:v>
                </c:pt>
                <c:pt idx="84">
                  <c:v>-1</c:v>
                </c:pt>
                <c:pt idx="85">
                  <c:v>-2.6</c:v>
                </c:pt>
                <c:pt idx="86">
                  <c:v>-0.9</c:v>
                </c:pt>
                <c:pt idx="87">
                  <c:v>0.8</c:v>
                </c:pt>
                <c:pt idx="88">
                  <c:v>-0.6</c:v>
                </c:pt>
                <c:pt idx="89">
                  <c:v>0.1</c:v>
                </c:pt>
                <c:pt idx="90">
                  <c:v>-0.2</c:v>
                </c:pt>
                <c:pt idx="91">
                  <c:v>0.7</c:v>
                </c:pt>
                <c:pt idx="92">
                  <c:v>1.8</c:v>
                </c:pt>
                <c:pt idx="93">
                  <c:v>-0.5</c:v>
                </c:pt>
                <c:pt idx="94">
                  <c:v>1.4</c:v>
                </c:pt>
                <c:pt idx="95">
                  <c:v>1.2</c:v>
                </c:pt>
                <c:pt idx="96">
                  <c:v>0.5</c:v>
                </c:pt>
                <c:pt idx="97">
                  <c:v>0.5</c:v>
                </c:pt>
                <c:pt idx="98">
                  <c:v>0.4</c:v>
                </c:pt>
                <c:pt idx="99">
                  <c:v>-0.1</c:v>
                </c:pt>
                <c:pt idx="100">
                  <c:v>-1.4</c:v>
                </c:pt>
                <c:pt idx="101">
                  <c:v>2.1</c:v>
                </c:pt>
                <c:pt idx="102">
                  <c:v>-1</c:v>
                </c:pt>
                <c:pt idx="103">
                  <c:v>0.6</c:v>
                </c:pt>
                <c:pt idx="104">
                  <c:v>1.1000000000000001</c:v>
                </c:pt>
                <c:pt idx="105">
                  <c:v>-0.2</c:v>
                </c:pt>
                <c:pt idx="106">
                  <c:v>-1.7</c:v>
                </c:pt>
                <c:pt idx="107">
                  <c:v>-0.5</c:v>
                </c:pt>
                <c:pt idx="108">
                  <c:v>-3</c:v>
                </c:pt>
                <c:pt idx="109">
                  <c:v>-1.5</c:v>
                </c:pt>
                <c:pt idx="110">
                  <c:v>0.9</c:v>
                </c:pt>
                <c:pt idx="111">
                  <c:v>-1.3</c:v>
                </c:pt>
                <c:pt idx="112">
                  <c:v>-0.2</c:v>
                </c:pt>
                <c:pt idx="113">
                  <c:v>-0.3</c:v>
                </c:pt>
                <c:pt idx="114">
                  <c:v>-4.4000000000000004</c:v>
                </c:pt>
                <c:pt idx="115">
                  <c:v>0.9</c:v>
                </c:pt>
                <c:pt idx="116">
                  <c:v>10.5</c:v>
                </c:pt>
                <c:pt idx="117">
                  <c:v>-8.1</c:v>
                </c:pt>
                <c:pt idx="118">
                  <c:v>-2</c:v>
                </c:pt>
                <c:pt idx="119">
                  <c:v>-2.8</c:v>
                </c:pt>
                <c:pt idx="120">
                  <c:v>-1.6</c:v>
                </c:pt>
                <c:pt idx="121">
                  <c:v>0.3</c:v>
                </c:pt>
                <c:pt idx="122">
                  <c:v>-8.8000000000000007</c:v>
                </c:pt>
                <c:pt idx="123">
                  <c:v>-18.600000000000001</c:v>
                </c:pt>
                <c:pt idx="124">
                  <c:v>-13.6</c:v>
                </c:pt>
                <c:pt idx="125">
                  <c:v>-2.2999999999999998</c:v>
                </c:pt>
                <c:pt idx="126">
                  <c:v>-3.2</c:v>
                </c:pt>
                <c:pt idx="127">
                  <c:v>-1.2</c:v>
                </c:pt>
                <c:pt idx="128">
                  <c:v>-12.8</c:v>
                </c:pt>
              </c:numCache>
            </c:numRef>
          </c:val>
          <c:smooth val="0"/>
          <c:extLst>
            <c:ext xmlns:c16="http://schemas.microsoft.com/office/drawing/2014/chart" uri="{C3380CC4-5D6E-409C-BE32-E72D297353CC}">
              <c16:uniqueId val="{00000001-AE7A-466E-AA1A-286A00CFC576}"/>
            </c:ext>
          </c:extLst>
        </c:ser>
        <c:dLbls>
          <c:showLegendKey val="0"/>
          <c:showVal val="0"/>
          <c:showCatName val="0"/>
          <c:showSerName val="0"/>
          <c:showPercent val="0"/>
          <c:showBubbleSize val="0"/>
        </c:dLbls>
        <c:smooth val="0"/>
        <c:axId val="113953024"/>
        <c:axId val="113954816"/>
      </c:lineChart>
      <c:dateAx>
        <c:axId val="113953024"/>
        <c:scaling>
          <c:orientation val="minMax"/>
          <c:max val="44075"/>
        </c:scaling>
        <c:delete val="0"/>
        <c:axPos val="b"/>
        <c:numFmt formatCode="yyyy&quot;年&quot;m&quot;月&quot;" sourceLinked="1"/>
        <c:majorTickMark val="out"/>
        <c:minorTickMark val="none"/>
        <c:tickLblPos val="low"/>
        <c:txPr>
          <a:bodyPr/>
          <a:lstStyle/>
          <a:p>
            <a:pPr>
              <a:defRPr>
                <a:solidFill>
                  <a:schemeClr val="tx1"/>
                </a:solidFill>
              </a:defRPr>
            </a:pPr>
            <a:endParaRPr lang="ja-JP"/>
          </a:p>
        </c:txPr>
        <c:crossAx val="113954816"/>
        <c:crosses val="autoZero"/>
        <c:auto val="1"/>
        <c:lblOffset val="100"/>
        <c:baseTimeUnit val="months"/>
        <c:majorUnit val="6"/>
        <c:majorTimeUnit val="months"/>
      </c:dateAx>
      <c:valAx>
        <c:axId val="113954816"/>
        <c:scaling>
          <c:orientation val="minMax"/>
          <c:min val="-40"/>
        </c:scaling>
        <c:delete val="0"/>
        <c:axPos val="l"/>
        <c:majorGridlines/>
        <c:numFmt formatCode="0.0_ ;[Red]\-0.0\ " sourceLinked="0"/>
        <c:majorTickMark val="out"/>
        <c:minorTickMark val="none"/>
        <c:tickLblPos val="nextTo"/>
        <c:crossAx val="113953024"/>
        <c:crosses val="autoZero"/>
        <c:crossBetween val="between"/>
        <c:majorUnit val="10"/>
      </c:valAx>
    </c:plotArea>
    <c:legend>
      <c:legendPos val="t"/>
      <c:layout>
        <c:manualLayout>
          <c:xMode val="edge"/>
          <c:yMode val="edge"/>
          <c:x val="0.38975609756097562"/>
          <c:y val="4.9382716049382713E-2"/>
          <c:w val="0.22048780487804878"/>
          <c:h val="8.1180307007078664E-2"/>
        </c:manualLayout>
      </c:layout>
      <c:overlay val="0"/>
    </c:legend>
    <c:plotVisOnly val="1"/>
    <c:dispBlanksAs val="gap"/>
    <c:showDLblsOverMax val="0"/>
  </c:chart>
  <c:txPr>
    <a:bodyPr/>
    <a:lstStyle/>
    <a:p>
      <a:pPr>
        <a:defRPr>
          <a:solidFill>
            <a:schemeClr val="tx1"/>
          </a:solidFill>
        </a:defRPr>
      </a:pPr>
      <a:endParaRPr lang="ja-JP"/>
    </a:p>
  </c:txPr>
  <c:externalData r:id="rId1">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216275856866012"/>
          <c:h val="0.7815906838901765"/>
        </c:manualLayout>
      </c:layout>
      <c:barChart>
        <c:barDir val="bar"/>
        <c:grouping val="stacked"/>
        <c:varyColors val="0"/>
        <c:ser>
          <c:idx val="1"/>
          <c:order val="0"/>
          <c:tx>
            <c:strRef>
              <c:f>'新（高齢者除く） '!$N$51</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N$52:$N$63</c:f>
              <c:numCache>
                <c:formatCode>0.0%</c:formatCode>
                <c:ptCount val="3"/>
                <c:pt idx="0">
                  <c:v>0.28310728608119679</c:v>
                </c:pt>
                <c:pt idx="1">
                  <c:v>0.31815575728619205</c:v>
                </c:pt>
                <c:pt idx="2">
                  <c:v>0.27629959284158695</c:v>
                </c:pt>
              </c:numCache>
            </c:numRef>
          </c:val>
          <c:extLst>
            <c:ext xmlns:c16="http://schemas.microsoft.com/office/drawing/2014/chart" uri="{C3380CC4-5D6E-409C-BE32-E72D297353CC}">
              <c16:uniqueId val="{00000000-18E2-4D76-888A-33C9B1E2C051}"/>
            </c:ext>
          </c:extLst>
        </c:ser>
        <c:ser>
          <c:idx val="2"/>
          <c:order val="1"/>
          <c:tx>
            <c:strRef>
              <c:f>'新（高齢者除く） '!$O$51</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O$52:$O$63</c:f>
              <c:numCache>
                <c:formatCode>0.0%</c:formatCode>
                <c:ptCount val="3"/>
                <c:pt idx="0">
                  <c:v>0.24886225386383093</c:v>
                </c:pt>
                <c:pt idx="1">
                  <c:v>0.25991399904443385</c:v>
                </c:pt>
                <c:pt idx="2">
                  <c:v>0.24448442382350155</c:v>
                </c:pt>
              </c:numCache>
            </c:numRef>
          </c:val>
          <c:extLst>
            <c:ext xmlns:c16="http://schemas.microsoft.com/office/drawing/2014/chart" uri="{C3380CC4-5D6E-409C-BE32-E72D297353CC}">
              <c16:uniqueId val="{00000001-18E2-4D76-888A-33C9B1E2C051}"/>
            </c:ext>
          </c:extLst>
        </c:ser>
        <c:ser>
          <c:idx val="3"/>
          <c:order val="2"/>
          <c:tx>
            <c:strRef>
              <c:f>'新（高齢者除く） '!$P$51</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P$52:$P$63</c:f>
              <c:numCache>
                <c:formatCode>0.0%</c:formatCode>
                <c:ptCount val="3"/>
                <c:pt idx="0">
                  <c:v>0.41211192718424727</c:v>
                </c:pt>
                <c:pt idx="1">
                  <c:v>0.32804586717630196</c:v>
                </c:pt>
                <c:pt idx="2">
                  <c:v>0.36265505160496164</c:v>
                </c:pt>
              </c:numCache>
            </c:numRef>
          </c:val>
          <c:extLst>
            <c:ext xmlns:c16="http://schemas.microsoft.com/office/drawing/2014/chart" uri="{C3380CC4-5D6E-409C-BE32-E72D297353CC}">
              <c16:uniqueId val="{00000002-18E2-4D76-888A-33C9B1E2C051}"/>
            </c:ext>
          </c:extLst>
        </c:ser>
        <c:ser>
          <c:idx val="0"/>
          <c:order val="3"/>
          <c:tx>
            <c:strRef>
              <c:f>'新（高齢者除く） '!$Q$51</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高齢者除く） '!$L$52:$M$63</c:f>
              <c:multiLvlStrCache>
                <c:ptCount val="3"/>
                <c:lvl>
                  <c:pt idx="0">
                    <c:v>2007年</c:v>
                  </c:pt>
                  <c:pt idx="1">
                    <c:v>2012年</c:v>
                  </c:pt>
                  <c:pt idx="2">
                    <c:v>2017年</c:v>
                  </c:pt>
                </c:lvl>
                <c:lvl>
                  <c:pt idx="0">
                    <c:v>大阪府</c:v>
                  </c:pt>
                </c:lvl>
              </c:multiLvlStrCache>
            </c:multiLvlStrRef>
          </c:cat>
          <c:val>
            <c:numRef>
              <c:f>'新（高齢者除く） '!$Q$52:$Q$63</c:f>
              <c:numCache>
                <c:formatCode>0.0%</c:formatCode>
                <c:ptCount val="3"/>
                <c:pt idx="0">
                  <c:v>5.5918532870725006E-2</c:v>
                </c:pt>
                <c:pt idx="1">
                  <c:v>9.3884376493072144E-2</c:v>
                </c:pt>
                <c:pt idx="2">
                  <c:v>0.11656093172994982</c:v>
                </c:pt>
              </c:numCache>
            </c:numRef>
          </c:val>
          <c:extLst>
            <c:ext xmlns:c16="http://schemas.microsoft.com/office/drawing/2014/chart" uri="{C3380CC4-5D6E-409C-BE32-E72D297353CC}">
              <c16:uniqueId val="{00000003-18E2-4D76-888A-33C9B1E2C051}"/>
            </c:ext>
          </c:extLst>
        </c:ser>
        <c:dLbls>
          <c:showLegendKey val="0"/>
          <c:showVal val="0"/>
          <c:showCatName val="0"/>
          <c:showSerName val="0"/>
          <c:showPercent val="0"/>
          <c:showBubbleSize val="0"/>
        </c:dLbls>
        <c:gapWidth val="80"/>
        <c:overlap val="100"/>
        <c:serLines/>
        <c:axId val="101534720"/>
        <c:axId val="101544704"/>
        <c:extLst>
          <c:ext xmlns:c15="http://schemas.microsoft.com/office/drawing/2012/chart" uri="{02D57815-91ED-43cb-92C2-25804820EDAC}">
            <c15:filteredBarSeries>
              <c15:ser>
                <c:idx val="4"/>
                <c:order val="4"/>
                <c:invertIfNegative val="0"/>
                <c:cat>
                  <c:multiLvlStrRef>
                    <c:extLst>
                      <c:ext uri="{02D57815-91ED-43cb-92C2-25804820EDAC}">
                        <c15:formulaRef>
                          <c15:sqref>'新（高齢者除く） '!$L$52:$M$63</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高齢者除く） '!$F$32</c15:sqref>
                        </c15:formulaRef>
                      </c:ext>
                    </c:extLst>
                  </c:numRef>
                </c:val>
                <c:extLst>
                  <c:ext xmlns:c16="http://schemas.microsoft.com/office/drawing/2014/chart" uri="{C3380CC4-5D6E-409C-BE32-E72D297353CC}">
                    <c16:uniqueId val="{00000004-18E2-4D76-888A-33C9B1E2C051}"/>
                  </c:ext>
                </c:extLst>
              </c15:ser>
            </c15:filteredBarSeries>
          </c:ext>
        </c:extLst>
      </c:barChart>
      <c:catAx>
        <c:axId val="101534720"/>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101544704"/>
        <c:crosses val="autoZero"/>
        <c:auto val="1"/>
        <c:lblAlgn val="ctr"/>
        <c:lblOffset val="100"/>
        <c:noMultiLvlLbl val="0"/>
      </c:catAx>
      <c:valAx>
        <c:axId val="101544704"/>
        <c:scaling>
          <c:orientation val="minMax"/>
          <c:max val="1"/>
        </c:scaling>
        <c:delete val="1"/>
        <c:axPos val="b"/>
        <c:majorGridlines/>
        <c:numFmt formatCode="0.0%" sourceLinked="1"/>
        <c:majorTickMark val="out"/>
        <c:minorTickMark val="none"/>
        <c:tickLblPos val="nextTo"/>
        <c:crossAx val="101534720"/>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368272254039361"/>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N$68:$N$79</c:f>
              <c:numCache>
                <c:formatCode>0.0%</c:formatCode>
                <c:ptCount val="3"/>
                <c:pt idx="0">
                  <c:v>0.38407900805817075</c:v>
                </c:pt>
                <c:pt idx="1">
                  <c:v>0.42560763431222648</c:v>
                </c:pt>
                <c:pt idx="2">
                  <c:v>0.40534689619196662</c:v>
                </c:pt>
              </c:numCache>
            </c:numRef>
          </c:val>
          <c:extLst>
            <c:ext xmlns:c16="http://schemas.microsoft.com/office/drawing/2014/chart" uri="{C3380CC4-5D6E-409C-BE32-E72D297353CC}">
              <c16:uniqueId val="{00000000-4AAB-4BE5-9DD8-719AB0EC6D92}"/>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O$68:$O$79</c:f>
              <c:numCache>
                <c:formatCode>0.0%</c:formatCode>
                <c:ptCount val="3"/>
                <c:pt idx="0">
                  <c:v>0.2416094636025721</c:v>
                </c:pt>
                <c:pt idx="1">
                  <c:v>0.24800970105973533</c:v>
                </c:pt>
                <c:pt idx="2">
                  <c:v>0.2384454877412624</c:v>
                </c:pt>
              </c:numCache>
            </c:numRef>
          </c:val>
          <c:extLst>
            <c:ext xmlns:c16="http://schemas.microsoft.com/office/drawing/2014/chart" uri="{C3380CC4-5D6E-409C-BE32-E72D297353CC}">
              <c16:uniqueId val="{00000001-4AAB-4BE5-9DD8-719AB0EC6D92}"/>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P$68:$P$79</c:f>
              <c:numCache>
                <c:formatCode>0.0%</c:formatCode>
                <c:ptCount val="3"/>
                <c:pt idx="0">
                  <c:v>0.28274140597444175</c:v>
                </c:pt>
                <c:pt idx="1">
                  <c:v>0.25338746243475513</c:v>
                </c:pt>
                <c:pt idx="2">
                  <c:v>0.26875326030255609</c:v>
                </c:pt>
              </c:numCache>
            </c:numRef>
          </c:val>
          <c:extLst>
            <c:ext xmlns:c16="http://schemas.microsoft.com/office/drawing/2014/chart" uri="{C3380CC4-5D6E-409C-BE32-E72D297353CC}">
              <c16:uniqueId val="{00000002-4AAB-4BE5-9DD8-719AB0EC6D92}"/>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大阪府</c:v>
                  </c:pt>
                </c:lvl>
              </c:multiLvlStrCache>
            </c:multiLvlStrRef>
          </c:cat>
          <c:val>
            <c:numRef>
              <c:f>'新（全世代）'!$Q$68:$Q$79</c:f>
              <c:numCache>
                <c:formatCode>0.0%</c:formatCode>
                <c:ptCount val="3"/>
                <c:pt idx="0">
                  <c:v>9.1570122364815362E-2</c:v>
                </c:pt>
                <c:pt idx="1">
                  <c:v>7.2995202193283065E-2</c:v>
                </c:pt>
                <c:pt idx="2">
                  <c:v>8.7454355764214925E-2</c:v>
                </c:pt>
              </c:numCache>
            </c:numRef>
          </c:val>
          <c:extLst>
            <c:ext xmlns:c16="http://schemas.microsoft.com/office/drawing/2014/chart" uri="{C3380CC4-5D6E-409C-BE32-E72D297353CC}">
              <c16:uniqueId val="{00000003-4AAB-4BE5-9DD8-719AB0EC6D92}"/>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4AAB-4BE5-9DD8-719AB0EC6D92}"/>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763757883379724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N$68:$N$79</c:f>
              <c:numCache>
                <c:formatCode>0.0%</c:formatCode>
                <c:ptCount val="3"/>
                <c:pt idx="0">
                  <c:v>0.29864300265874799</c:v>
                </c:pt>
                <c:pt idx="1">
                  <c:v>0.33110810060881063</c:v>
                </c:pt>
                <c:pt idx="2">
                  <c:v>0.29781727999507079</c:v>
                </c:pt>
              </c:numCache>
            </c:numRef>
          </c:val>
          <c:extLst>
            <c:ext xmlns:c16="http://schemas.microsoft.com/office/drawing/2014/chart" uri="{C3380CC4-5D6E-409C-BE32-E72D297353CC}">
              <c16:uniqueId val="{00000000-5855-4607-AF78-0D32D2D92124}"/>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O$68:$O$79</c:f>
              <c:numCache>
                <c:formatCode>0.0%</c:formatCode>
                <c:ptCount val="3"/>
                <c:pt idx="0">
                  <c:v>0.23842408756603709</c:v>
                </c:pt>
                <c:pt idx="1">
                  <c:v>0.23875822220771378</c:v>
                </c:pt>
                <c:pt idx="2">
                  <c:v>0.23150387405844206</c:v>
                </c:pt>
              </c:numCache>
            </c:numRef>
          </c:val>
          <c:extLst>
            <c:ext xmlns:c16="http://schemas.microsoft.com/office/drawing/2014/chart" uri="{C3380CC4-5D6E-409C-BE32-E72D297353CC}">
              <c16:uniqueId val="{00000001-5855-4607-AF78-0D32D2D92124}"/>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P$68:$P$79</c:f>
              <c:numCache>
                <c:formatCode>0.0%</c:formatCode>
                <c:ptCount val="3"/>
                <c:pt idx="0">
                  <c:v>0.31071095611339389</c:v>
                </c:pt>
                <c:pt idx="1">
                  <c:v>0.29692983172017562</c:v>
                </c:pt>
                <c:pt idx="2">
                  <c:v>0.31243549654184444</c:v>
                </c:pt>
              </c:numCache>
            </c:numRef>
          </c:val>
          <c:extLst>
            <c:ext xmlns:c16="http://schemas.microsoft.com/office/drawing/2014/chart" uri="{C3380CC4-5D6E-409C-BE32-E72D297353CC}">
              <c16:uniqueId val="{00000002-5855-4607-AF78-0D32D2D92124}"/>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東京都</c:v>
                  </c:pt>
                </c:lvl>
              </c:multiLvlStrCache>
            </c:multiLvlStrRef>
          </c:cat>
          <c:val>
            <c:numRef>
              <c:f>'新（全世代）'!$Q$68:$Q$79</c:f>
              <c:numCache>
                <c:formatCode>0.0%</c:formatCode>
                <c:ptCount val="3"/>
                <c:pt idx="0">
                  <c:v>0.15222195366182106</c:v>
                </c:pt>
                <c:pt idx="1">
                  <c:v>0.13320384546329997</c:v>
                </c:pt>
                <c:pt idx="2">
                  <c:v>0.15824334940464271</c:v>
                </c:pt>
              </c:numCache>
            </c:numRef>
          </c:val>
          <c:extLst>
            <c:ext xmlns:c16="http://schemas.microsoft.com/office/drawing/2014/chart" uri="{C3380CC4-5D6E-409C-BE32-E72D297353CC}">
              <c16:uniqueId val="{00000003-5855-4607-AF78-0D32D2D92124}"/>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5855-4607-AF78-0D32D2D92124}"/>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282405031534163"/>
          <c:w val="0.7672899329354379"/>
          <c:h val="0.7815906838901765"/>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N$68:$N$79</c:f>
              <c:numCache>
                <c:formatCode>0.0%</c:formatCode>
                <c:ptCount val="3"/>
                <c:pt idx="0">
                  <c:v>0.28410960864277024</c:v>
                </c:pt>
                <c:pt idx="1">
                  <c:v>0.32765016164709887</c:v>
                </c:pt>
                <c:pt idx="2">
                  <c:v>0.3098550252484118</c:v>
                </c:pt>
              </c:numCache>
            </c:numRef>
          </c:val>
          <c:extLst>
            <c:ext xmlns:c16="http://schemas.microsoft.com/office/drawing/2014/chart" uri="{C3380CC4-5D6E-409C-BE32-E72D297353CC}">
              <c16:uniqueId val="{00000000-3E6B-4541-82AD-58C8421CF891}"/>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O$68:$O$79</c:f>
              <c:numCache>
                <c:formatCode>0.0%</c:formatCode>
                <c:ptCount val="3"/>
                <c:pt idx="0">
                  <c:v>0.23545825284395794</c:v>
                </c:pt>
                <c:pt idx="1">
                  <c:v>0.24267483409903012</c:v>
                </c:pt>
                <c:pt idx="2">
                  <c:v>0.23365368952598142</c:v>
                </c:pt>
              </c:numCache>
            </c:numRef>
          </c:val>
          <c:extLst>
            <c:ext xmlns:c16="http://schemas.microsoft.com/office/drawing/2014/chart" uri="{C3380CC4-5D6E-409C-BE32-E72D297353CC}">
              <c16:uniqueId val="{00000001-3E6B-4541-82AD-58C8421CF891}"/>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P$68:$P$79</c:f>
              <c:numCache>
                <c:formatCode>0.0%</c:formatCode>
                <c:ptCount val="3"/>
                <c:pt idx="0">
                  <c:v>0.34048794448021752</c:v>
                </c:pt>
                <c:pt idx="1">
                  <c:v>0.3198570699336396</c:v>
                </c:pt>
                <c:pt idx="2">
                  <c:v>0.33077048379214857</c:v>
                </c:pt>
              </c:numCache>
            </c:numRef>
          </c:val>
          <c:extLst>
            <c:ext xmlns:c16="http://schemas.microsoft.com/office/drawing/2014/chart" uri="{C3380CC4-5D6E-409C-BE32-E72D297353CC}">
              <c16:uniqueId val="{00000002-3E6B-4541-82AD-58C8421CF891}"/>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愛知県</c:v>
                  </c:pt>
                </c:lvl>
              </c:multiLvlStrCache>
            </c:multiLvlStrRef>
          </c:cat>
          <c:val>
            <c:numRef>
              <c:f>'新（全世代）'!$Q$68:$Q$79</c:f>
              <c:numCache>
                <c:formatCode>0.0%</c:formatCode>
                <c:ptCount val="3"/>
                <c:pt idx="0">
                  <c:v>0.1399441940330543</c:v>
                </c:pt>
                <c:pt idx="1">
                  <c:v>0.10981793432023142</c:v>
                </c:pt>
                <c:pt idx="2">
                  <c:v>0.12572080143345821</c:v>
                </c:pt>
              </c:numCache>
            </c:numRef>
          </c:val>
          <c:extLst>
            <c:ext xmlns:c16="http://schemas.microsoft.com/office/drawing/2014/chart" uri="{C3380CC4-5D6E-409C-BE32-E72D297353CC}">
              <c16:uniqueId val="{00000003-3E6B-4541-82AD-58C8421CF891}"/>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1"/>
                      <c:lvl>
                        <c:pt idx="0">
                          <c:v>2012年</c:v>
                        </c:pt>
                        <c:pt idx="1">
                          <c:v>2017年</c:v>
                        </c:pt>
                        <c:pt idx="2">
                          <c:v>2007年</c:v>
                        </c:pt>
                        <c:pt idx="3">
                          <c:v>2012年</c:v>
                        </c:pt>
                        <c:pt idx="4">
                          <c:v>2017年</c:v>
                        </c:pt>
                        <c:pt idx="5">
                          <c:v>2007年</c:v>
                        </c:pt>
                        <c:pt idx="6">
                          <c:v>2012年</c:v>
                        </c:pt>
                        <c:pt idx="7">
                          <c:v>2017年</c:v>
                        </c:pt>
                        <c:pt idx="8">
                          <c:v>2007年</c:v>
                        </c:pt>
                        <c:pt idx="9">
                          <c:v>2012年</c:v>
                        </c:pt>
                        <c:pt idx="10">
                          <c:v>2017年</c:v>
                        </c:pt>
                      </c:lvl>
                      <c:lvl>
                        <c:pt idx="2">
                          <c:v>愛知県</c:v>
                        </c:pt>
                        <c:pt idx="5">
                          <c:v>東京都</c:v>
                        </c:pt>
                        <c:pt idx="8">
                          <c:v>大阪府</c:v>
                        </c:pt>
                      </c:lvl>
                    </c:multiLvlStrCache>
                  </c:multiLvlStrRef>
                </c:cat>
                <c:val>
                  <c:numRef>
                    <c:extLst>
                      <c:ext uri="{02D57815-91ED-43cb-92C2-25804820EDAC}">
                        <c15:formulaRef>
                          <c15:sqref>'新（全世代）'!$F$40</c15:sqref>
                        </c15:formulaRef>
                      </c:ext>
                    </c:extLst>
                  </c:numRef>
                </c:val>
                <c:extLst>
                  <c:ext xmlns:c16="http://schemas.microsoft.com/office/drawing/2014/chart" uri="{C3380CC4-5D6E-409C-BE32-E72D297353CC}">
                    <c16:uniqueId val="{00000004-3E6B-4541-82AD-58C8421CF891}"/>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1"/>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2165106040797954"/>
          <c:w val="0.75335077211149593"/>
          <c:h val="0.71736214190527003"/>
        </c:manualLayout>
      </c:layout>
      <c:barChart>
        <c:barDir val="bar"/>
        <c:grouping val="stacked"/>
        <c:varyColors val="0"/>
        <c:ser>
          <c:idx val="1"/>
          <c:order val="0"/>
          <c:tx>
            <c:strRef>
              <c:f>'新（全世代）'!$N$67</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N$68:$N$79</c:f>
              <c:numCache>
                <c:formatCode>0.0%</c:formatCode>
                <c:ptCount val="3"/>
                <c:pt idx="0">
                  <c:v>0.34313994887802485</c:v>
                </c:pt>
                <c:pt idx="1">
                  <c:v>0.37623042215786634</c:v>
                </c:pt>
                <c:pt idx="2">
                  <c:v>0.3626356498894896</c:v>
                </c:pt>
              </c:numCache>
            </c:numRef>
          </c:val>
          <c:extLst>
            <c:ext xmlns:c16="http://schemas.microsoft.com/office/drawing/2014/chart" uri="{C3380CC4-5D6E-409C-BE32-E72D297353CC}">
              <c16:uniqueId val="{00000000-7647-4486-B070-4033405D5AFC}"/>
            </c:ext>
          </c:extLst>
        </c:ser>
        <c:ser>
          <c:idx val="2"/>
          <c:order val="1"/>
          <c:tx>
            <c:strRef>
              <c:f>'新（全世代）'!$O$67</c:f>
              <c:strCache>
                <c:ptCount val="1"/>
                <c:pt idx="0">
                  <c:v>300～500万円</c:v>
                </c:pt>
              </c:strCache>
            </c:strRef>
          </c:tx>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O$68:$O$79</c:f>
              <c:numCache>
                <c:formatCode>0.0%</c:formatCode>
                <c:ptCount val="3"/>
                <c:pt idx="0">
                  <c:v>0.2417994302647628</c:v>
                </c:pt>
                <c:pt idx="1">
                  <c:v>0.24708815282663643</c:v>
                </c:pt>
                <c:pt idx="2">
                  <c:v>0.24033620704224559</c:v>
                </c:pt>
              </c:numCache>
            </c:numRef>
          </c:val>
          <c:extLst>
            <c:ext xmlns:c16="http://schemas.microsoft.com/office/drawing/2014/chart" uri="{C3380CC4-5D6E-409C-BE32-E72D297353CC}">
              <c16:uniqueId val="{00000001-7647-4486-B070-4033405D5AFC}"/>
            </c:ext>
          </c:extLst>
        </c:ser>
        <c:ser>
          <c:idx val="3"/>
          <c:order val="2"/>
          <c:tx>
            <c:strRef>
              <c:f>'新（全世代）'!$P$67</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P$68:$P$79</c:f>
              <c:numCache>
                <c:formatCode>0.0%</c:formatCode>
                <c:ptCount val="3"/>
                <c:pt idx="0">
                  <c:v>0.30442879199128592</c:v>
                </c:pt>
                <c:pt idx="1">
                  <c:v>0.28711993413439119</c:v>
                </c:pt>
                <c:pt idx="2">
                  <c:v>0.29619607570667511</c:v>
                </c:pt>
              </c:numCache>
            </c:numRef>
          </c:val>
          <c:extLst>
            <c:ext xmlns:c16="http://schemas.microsoft.com/office/drawing/2014/chart" uri="{C3380CC4-5D6E-409C-BE32-E72D297353CC}">
              <c16:uniqueId val="{00000002-7647-4486-B070-4033405D5AFC}"/>
            </c:ext>
          </c:extLst>
        </c:ser>
        <c:ser>
          <c:idx val="0"/>
          <c:order val="3"/>
          <c:tx>
            <c:strRef>
              <c:f>'新（全世代）'!$Q$67</c:f>
              <c:strCache>
                <c:ptCount val="1"/>
                <c:pt idx="0">
                  <c:v>1000万～</c:v>
                </c:pt>
              </c:strCache>
            </c:strRef>
          </c:tx>
          <c:spPr>
            <a:solidFill>
              <a:schemeClr val="tx1"/>
            </a:solidFill>
          </c:spPr>
          <c:invertIfNegative val="0"/>
          <c:dLbls>
            <c:spPr>
              <a:solidFill>
                <a:schemeClr val="bg1">
                  <a:lumMod val="95000"/>
                </a:schemeClr>
              </a:solidFill>
            </c:spPr>
            <c:txPr>
              <a:bodyPr/>
              <a:lstStyle/>
              <a:p>
                <a:pPr>
                  <a:defRPr sz="10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新（全世代）'!$L$68:$M$79</c:f>
              <c:multiLvlStrCache>
                <c:ptCount val="3"/>
                <c:lvl>
                  <c:pt idx="0">
                    <c:v>2007年</c:v>
                  </c:pt>
                  <c:pt idx="1">
                    <c:v>2012年</c:v>
                  </c:pt>
                  <c:pt idx="2">
                    <c:v>2017年</c:v>
                  </c:pt>
                </c:lvl>
                <c:lvl>
                  <c:pt idx="0">
                    <c:v>全国</c:v>
                  </c:pt>
                </c:lvl>
              </c:multiLvlStrCache>
            </c:multiLvlStrRef>
          </c:cat>
          <c:val>
            <c:numRef>
              <c:f>'新（全世代）'!$Q$68:$Q$79</c:f>
              <c:numCache>
                <c:formatCode>0.0%</c:formatCode>
                <c:ptCount val="3"/>
                <c:pt idx="0">
                  <c:v>0.11063182886592639</c:v>
                </c:pt>
                <c:pt idx="1">
                  <c:v>8.9561490881106057E-2</c:v>
                </c:pt>
                <c:pt idx="2">
                  <c:v>0.1008320673615897</c:v>
                </c:pt>
              </c:numCache>
            </c:numRef>
          </c:val>
          <c:extLst>
            <c:ext xmlns:c16="http://schemas.microsoft.com/office/drawing/2014/chart" uri="{C3380CC4-5D6E-409C-BE32-E72D297353CC}">
              <c16:uniqueId val="{00000003-7647-4486-B070-4033405D5AFC}"/>
            </c:ext>
          </c:extLst>
        </c:ser>
        <c:dLbls>
          <c:showLegendKey val="0"/>
          <c:showVal val="0"/>
          <c:showCatName val="0"/>
          <c:showSerName val="0"/>
          <c:showPercent val="0"/>
          <c:showBubbleSize val="0"/>
        </c:dLbls>
        <c:gapWidth val="80"/>
        <c:overlap val="100"/>
        <c:serLines/>
        <c:axId val="85165952"/>
        <c:axId val="85167488"/>
        <c:extLst>
          <c:ext xmlns:c15="http://schemas.microsoft.com/office/drawing/2012/chart" uri="{02D57815-91ED-43cb-92C2-25804820EDAC}">
            <c15:filteredBarSeries>
              <c15:ser>
                <c:idx val="4"/>
                <c:order val="4"/>
                <c:invertIfNegative val="0"/>
                <c:cat>
                  <c:multiLvlStrRef>
                    <c:extLst>
                      <c:ext uri="{02D57815-91ED-43cb-92C2-25804820EDAC}">
                        <c15:formulaRef>
                          <c15:sqref>'新（全世代）'!$L$68:$M$79</c15:sqref>
                        </c15:formulaRef>
                      </c:ext>
                    </c:extLst>
                    <c:multiLvlStrCache>
                      <c:ptCount val="12"/>
                      <c:lvl>
                        <c:pt idx="0">
                          <c:v>2007年</c:v>
                        </c:pt>
                        <c:pt idx="1">
                          <c:v>2012年</c:v>
                        </c:pt>
                        <c:pt idx="2">
                          <c:v>2017年</c:v>
                        </c:pt>
                        <c:pt idx="3">
                          <c:v>2007年</c:v>
                        </c:pt>
                        <c:pt idx="4">
                          <c:v>2012年</c:v>
                        </c:pt>
                        <c:pt idx="5">
                          <c:v>2017年</c:v>
                        </c:pt>
                        <c:pt idx="6">
                          <c:v>2007年</c:v>
                        </c:pt>
                        <c:pt idx="7">
                          <c:v>2012年</c:v>
                        </c:pt>
                        <c:pt idx="8">
                          <c:v>2017年</c:v>
                        </c:pt>
                        <c:pt idx="9">
                          <c:v>2007年</c:v>
                        </c:pt>
                        <c:pt idx="10">
                          <c:v>2012年</c:v>
                        </c:pt>
                        <c:pt idx="11">
                          <c:v>2017年</c:v>
                        </c:pt>
                      </c:lvl>
                      <c:lvl>
                        <c:pt idx="0">
                          <c:v>全国</c:v>
                        </c:pt>
                        <c:pt idx="3">
                          <c:v>愛知県</c:v>
                        </c:pt>
                        <c:pt idx="6">
                          <c:v>東京都</c:v>
                        </c:pt>
                        <c:pt idx="9">
                          <c:v>大阪府</c:v>
                        </c:pt>
                      </c:lvl>
                    </c:multiLvlStrCache>
                  </c:multiLvlStrRef>
                </c:cat>
                <c:val>
                  <c:numRef>
                    <c:extLst>
                      <c:ext uri="{02D57815-91ED-43cb-92C2-25804820EDAC}">
                        <c15:formulaRef>
                          <c15:sqref>'新（全世代）'!$F$40</c15:sqref>
                        </c15:formulaRef>
                      </c:ext>
                    </c:extLst>
                    <c:numCache>
                      <c:formatCode>General</c:formatCode>
                      <c:ptCount val="1"/>
                      <c:pt idx="0">
                        <c:v>0</c:v>
                      </c:pt>
                    </c:numCache>
                  </c:numRef>
                </c:val>
                <c:extLst>
                  <c:ext xmlns:c16="http://schemas.microsoft.com/office/drawing/2014/chart" uri="{C3380CC4-5D6E-409C-BE32-E72D297353CC}">
                    <c16:uniqueId val="{00000004-7647-4486-B070-4033405D5AFC}"/>
                  </c:ext>
                </c:extLst>
              </c15:ser>
            </c15:filteredBarSeries>
          </c:ext>
        </c:extLst>
      </c:barChart>
      <c:catAx>
        <c:axId val="85165952"/>
        <c:scaling>
          <c:orientation val="minMax"/>
        </c:scaling>
        <c:delete val="0"/>
        <c:axPos val="l"/>
        <c:majorGridlines>
          <c:spPr>
            <a:ln>
              <a:noFill/>
            </a:ln>
          </c:spPr>
        </c:majorGridlines>
        <c:numFmt formatCode="General" sourceLinked="0"/>
        <c:majorTickMark val="out"/>
        <c:minorTickMark val="none"/>
        <c:tickLblPos val="low"/>
        <c:txPr>
          <a:bodyPr/>
          <a:lstStyle/>
          <a:p>
            <a:pPr>
              <a:defRPr sz="1050"/>
            </a:pPr>
            <a:endParaRPr lang="ja-JP"/>
          </a:p>
        </c:txPr>
        <c:crossAx val="85167488"/>
        <c:crosses val="autoZero"/>
        <c:auto val="1"/>
        <c:lblAlgn val="ctr"/>
        <c:lblOffset val="100"/>
        <c:noMultiLvlLbl val="0"/>
      </c:catAx>
      <c:valAx>
        <c:axId val="85167488"/>
        <c:scaling>
          <c:orientation val="minMax"/>
          <c:max val="1"/>
        </c:scaling>
        <c:delete val="0"/>
        <c:axPos val="b"/>
        <c:majorGridlines/>
        <c:numFmt formatCode="0.0%" sourceLinked="1"/>
        <c:majorTickMark val="out"/>
        <c:minorTickMark val="none"/>
        <c:tickLblPos val="nextTo"/>
        <c:crossAx val="85165952"/>
        <c:crossesAt val="1"/>
        <c:crossBetween val="between"/>
        <c:majorUnit val="0.2"/>
      </c:valAx>
      <c:spPr>
        <a:ln w="9525">
          <a:solidFill>
            <a:schemeClr val="tx1">
              <a:lumMod val="50000"/>
              <a:lumOff val="50000"/>
            </a:schemeClr>
          </a:solidFill>
        </a:ln>
      </c:spPr>
    </c:plotArea>
    <c:plotVisOnly val="1"/>
    <c:dispBlanksAs val="gap"/>
    <c:showDLblsOverMax val="0"/>
  </c:chart>
  <c:spPr>
    <a:ln w="15875"/>
  </c:spPr>
  <c:externalData r:id="rId1">
    <c:autoUpdate val="0"/>
  </c:externalData>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7586008397168207"/>
          <c:y val="0.13104444346691299"/>
          <c:w val="0.70743250517297462"/>
          <c:h val="0.70713001656915786"/>
        </c:manualLayout>
      </c:layout>
      <c:barChart>
        <c:barDir val="col"/>
        <c:grouping val="clustered"/>
        <c:varyColors val="0"/>
        <c:ser>
          <c:idx val="0"/>
          <c:order val="0"/>
          <c:tx>
            <c:strRef>
              <c:f>'栄養補助食品（R2.11.9最新）'!$A$18</c:f>
              <c:strCache>
                <c:ptCount val="1"/>
                <c:pt idx="0">
                  <c:v>出荷額（左目盛）</c:v>
                </c:pt>
              </c:strCache>
            </c:strRef>
          </c:tx>
          <c:spPr>
            <a:pattFill prst="trellis">
              <a:fgClr>
                <a:srgbClr val="92D050"/>
              </a:fgClr>
              <a:bgClr>
                <a:schemeClr val="bg1"/>
              </a:bgClr>
            </a:pattFill>
          </c:spPr>
          <c:invertIfNegative val="0"/>
          <c:dLbls>
            <c:dLbl>
              <c:idx val="0"/>
              <c:layout>
                <c:manualLayout>
                  <c:x val="-1.7262821196270951E-17"/>
                  <c:y val="0.191706593704964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951-4DB4-84E9-DD2717C3D8E3}"/>
                </c:ext>
              </c:extLst>
            </c:dLbl>
            <c:dLbl>
              <c:idx val="1"/>
              <c:layout>
                <c:manualLayout>
                  <c:x val="7.5329544514274203E-3"/>
                  <c:y val="0.14926627540257745"/>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951-4DB4-84E9-DD2717C3D8E3}"/>
                </c:ext>
              </c:extLst>
            </c:dLbl>
            <c:dLbl>
              <c:idx val="2"/>
              <c:layout>
                <c:manualLayout>
                  <c:x val="0"/>
                  <c:y val="0.14926627540257734"/>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951-4DB4-84E9-DD2717C3D8E3}"/>
                </c:ext>
              </c:extLst>
            </c:dLbl>
            <c:dLbl>
              <c:idx val="3"/>
              <c:layout>
                <c:manualLayout>
                  <c:x val="0"/>
                  <c:y val="0.10682595710018999"/>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951-4DB4-84E9-DD2717C3D8E3}"/>
                </c:ext>
              </c:extLst>
            </c:dLbl>
            <c:dLbl>
              <c:idx val="4"/>
              <c:layout>
                <c:manualLayout>
                  <c:x val="0"/>
                  <c:y val="9.267918433272763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951-4DB4-84E9-DD2717C3D8E3}"/>
                </c:ext>
              </c:extLst>
            </c:dLbl>
            <c:dLbl>
              <c:idx val="5"/>
              <c:layout>
                <c:manualLayout>
                  <c:x val="0"/>
                  <c:y val="0.1457295822107117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951-4DB4-84E9-DD2717C3D8E3}"/>
                </c:ext>
              </c:extLst>
            </c:dLbl>
            <c:dLbl>
              <c:idx val="6"/>
              <c:layout>
                <c:manualLayout>
                  <c:x val="-3.7664772257137795E-3"/>
                  <c:y val="0.12804611625138371"/>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951-4DB4-84E9-DD2717C3D8E3}"/>
                </c:ext>
              </c:extLst>
            </c:dLbl>
            <c:dLbl>
              <c:idx val="7"/>
              <c:layout>
                <c:manualLayout>
                  <c:x val="0"/>
                  <c:y val="0.1245094230595180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951-4DB4-84E9-DD2717C3D8E3}"/>
                </c:ext>
              </c:extLst>
            </c:dLbl>
            <c:dLbl>
              <c:idx val="8"/>
              <c:layout>
                <c:manualLayout>
                  <c:x val="0"/>
                  <c:y val="0.10328926390832446"/>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951-4DB4-84E9-DD2717C3D8E3}"/>
                </c:ext>
              </c:extLst>
            </c:dLbl>
            <c:spPr>
              <a:noFill/>
              <a:ln>
                <a:noFill/>
              </a:ln>
              <a:effectLst/>
            </c:sp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R2.11.9最新）'!$B$17:$J$17</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栄養補助食品（R2.11.9最新）'!$B$18:$J$18</c:f>
              <c:numCache>
                <c:formatCode>#,##0_);[Red]\(#,##0\)</c:formatCode>
                <c:ptCount val="9"/>
                <c:pt idx="0">
                  <c:v>149422</c:v>
                </c:pt>
                <c:pt idx="1">
                  <c:v>156303</c:v>
                </c:pt>
                <c:pt idx="2">
                  <c:v>191181</c:v>
                </c:pt>
                <c:pt idx="3">
                  <c:v>193173</c:v>
                </c:pt>
                <c:pt idx="4">
                  <c:v>212169</c:v>
                </c:pt>
                <c:pt idx="5">
                  <c:v>273301</c:v>
                </c:pt>
                <c:pt idx="6">
                  <c:v>288672</c:v>
                </c:pt>
                <c:pt idx="7" formatCode="#,##0;&quot;▲ &quot;#,##0">
                  <c:v>306974</c:v>
                </c:pt>
                <c:pt idx="8">
                  <c:v>318732</c:v>
                </c:pt>
              </c:numCache>
            </c:numRef>
          </c:val>
          <c:extLst>
            <c:ext xmlns:c16="http://schemas.microsoft.com/office/drawing/2014/chart" uri="{C3380CC4-5D6E-409C-BE32-E72D297353CC}">
              <c16:uniqueId val="{00000009-D951-4DB4-84E9-DD2717C3D8E3}"/>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R2.11.9最新）'!$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R2.11.9最新）'!$B$17:$J$17</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栄養補助食品（R2.11.9最新）'!$B$19:$J$19</c:f>
              <c:numCache>
                <c:formatCode>General</c:formatCode>
                <c:ptCount val="9"/>
                <c:pt idx="0">
                  <c:v>207</c:v>
                </c:pt>
                <c:pt idx="1">
                  <c:v>252</c:v>
                </c:pt>
                <c:pt idx="2">
                  <c:v>241</c:v>
                </c:pt>
                <c:pt idx="3">
                  <c:v>239</c:v>
                </c:pt>
                <c:pt idx="4">
                  <c:v>244</c:v>
                </c:pt>
                <c:pt idx="5">
                  <c:v>307</c:v>
                </c:pt>
                <c:pt idx="6">
                  <c:v>263</c:v>
                </c:pt>
                <c:pt idx="7" formatCode="#,##0;&quot;▲ &quot;#,##0">
                  <c:v>266</c:v>
                </c:pt>
                <c:pt idx="8">
                  <c:v>265</c:v>
                </c:pt>
              </c:numCache>
            </c:numRef>
          </c:val>
          <c:smooth val="0"/>
          <c:extLst>
            <c:ext xmlns:c16="http://schemas.microsoft.com/office/drawing/2014/chart" uri="{C3380CC4-5D6E-409C-BE32-E72D297353CC}">
              <c16:uniqueId val="{0000000A-D951-4DB4-84E9-DD2717C3D8E3}"/>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7.7427666509173321E-2"/>
          <c:y val="1.755074404811784E-2"/>
          <c:w val="0.89999973308429104"/>
          <c:h val="5.1850647701295403E-2"/>
        </c:manualLayout>
      </c:layout>
      <c:overlay val="0"/>
    </c:legend>
    <c:plotVisOnly val="1"/>
    <c:dispBlanksAs val="gap"/>
    <c:showDLblsOverMax val="0"/>
  </c:chart>
  <c:externalData r:id="rId1">
    <c:autoUpdate val="0"/>
  </c:externalData>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フィットネス!$C$2</c:f>
              <c:strCache>
                <c:ptCount val="1"/>
                <c:pt idx="0">
                  <c:v>売上高（左目盛）</c:v>
                </c:pt>
              </c:strCache>
            </c:strRef>
          </c:tx>
          <c:spPr>
            <a:pattFill prst="trellis">
              <a:fgClr>
                <a:srgbClr val="92D050"/>
              </a:fgClr>
              <a:bgClr>
                <a:schemeClr val="bg1"/>
              </a:bgClr>
            </a:pattFill>
          </c:spPr>
          <c:invertIfNegative val="0"/>
          <c:dLbls>
            <c:spPr>
              <a:noFill/>
              <a:ln>
                <a:noFill/>
              </a:ln>
              <a:effectLst/>
            </c:spPr>
            <c:txPr>
              <a:bodyPr/>
              <a:lstStyle/>
              <a:p>
                <a:pPr>
                  <a:defRPr sz="800"/>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2</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フィットネス!$C$3:$C$12</c:f>
              <c:numCache>
                <c:formatCode>#,##0_);[Red]\(#,##0\)</c:formatCode>
                <c:ptCount val="10"/>
                <c:pt idx="0">
                  <c:v>295946</c:v>
                </c:pt>
                <c:pt idx="1">
                  <c:v>292635</c:v>
                </c:pt>
                <c:pt idx="2">
                  <c:v>292505</c:v>
                </c:pt>
                <c:pt idx="3">
                  <c:v>299790</c:v>
                </c:pt>
                <c:pt idx="4">
                  <c:v>310144</c:v>
                </c:pt>
                <c:pt idx="5">
                  <c:v>314644</c:v>
                </c:pt>
                <c:pt idx="6">
                  <c:v>328245</c:v>
                </c:pt>
                <c:pt idx="7">
                  <c:v>333006</c:v>
                </c:pt>
                <c:pt idx="8">
                  <c:v>337263</c:v>
                </c:pt>
                <c:pt idx="9">
                  <c:v>334780</c:v>
                </c:pt>
              </c:numCache>
            </c:numRef>
          </c:val>
          <c:extLst>
            <c:ext xmlns:c16="http://schemas.microsoft.com/office/drawing/2014/chart" uri="{C3380CC4-5D6E-409C-BE32-E72D297353CC}">
              <c16:uniqueId val="{00000000-A6A6-4FC0-97EF-0BB15CFDB4DA}"/>
            </c:ext>
          </c:extLst>
        </c:ser>
        <c:dLbls>
          <c:showLegendKey val="0"/>
          <c:showVal val="0"/>
          <c:showCatName val="0"/>
          <c:showSerName val="0"/>
          <c:showPercent val="0"/>
          <c:showBubbleSize val="0"/>
        </c:dLbls>
        <c:gapWidth val="150"/>
        <c:axId val="112117632"/>
        <c:axId val="112119168"/>
      </c:barChart>
      <c:lineChart>
        <c:grouping val="standard"/>
        <c:varyColors val="0"/>
        <c:ser>
          <c:idx val="1"/>
          <c:order val="1"/>
          <c:tx>
            <c:strRef>
              <c:f>フィットネス!$D$2</c:f>
              <c:strCache>
                <c:ptCount val="1"/>
                <c:pt idx="0">
                  <c:v>延べ利用者数（右目盛）</c:v>
                </c:pt>
              </c:strCache>
            </c:strRef>
          </c:tx>
          <c:spPr>
            <a:ln>
              <a:solidFill>
                <a:srgbClr val="FF0000">
                  <a:alpha val="98000"/>
                </a:srgbClr>
              </a:solidFill>
            </a:ln>
          </c:spPr>
          <c:marker>
            <c:spPr>
              <a:solidFill>
                <a:srgbClr val="FF0000"/>
              </a:solidFill>
              <a:ln>
                <a:solidFill>
                  <a:srgbClr val="FF0000"/>
                </a:solidFill>
              </a:ln>
            </c:spPr>
          </c:marker>
          <c:dLbls>
            <c:dLbl>
              <c:idx val="0"/>
              <c:layout>
                <c:manualLayout>
                  <c:x val="-6.3959254163861459E-2"/>
                  <c:y val="-7.38292088488938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6A6-4FC0-97EF-0BB15CFDB4DA}"/>
                </c:ext>
              </c:extLst>
            </c:dLbl>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6A6-4FC0-97EF-0BB15CFDB4DA}"/>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6A6-4FC0-97EF-0BB15CFDB4DA}"/>
                </c:ext>
              </c:extLst>
            </c:dLbl>
            <c:dLbl>
              <c:idx val="5"/>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6A6-4FC0-97EF-0BB15CFDB4DA}"/>
                </c:ext>
              </c:extLst>
            </c:dLbl>
            <c:dLbl>
              <c:idx val="7"/>
              <c:layout>
                <c:manualLayout>
                  <c:x val="-6.3959254163861584E-2"/>
                  <c:y val="4.6051743532058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6A6-4FC0-97EF-0BB15CFDB4DA}"/>
                </c:ext>
              </c:extLst>
            </c:dLbl>
            <c:dLbl>
              <c:idx val="9"/>
              <c:layout>
                <c:manualLayout>
                  <c:x val="-6.6437568909834321E-2"/>
                  <c:y val="3.3816875609581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6A6-4FC0-97EF-0BB15CFDB4DA}"/>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1</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フィットネス!$D$3:$D$12</c:f>
              <c:numCache>
                <c:formatCode>#,##0_);[Red]\(#,##0\)</c:formatCode>
                <c:ptCount val="10"/>
                <c:pt idx="0">
                  <c:v>204931.997</c:v>
                </c:pt>
                <c:pt idx="1">
                  <c:v>205629.476</c:v>
                </c:pt>
                <c:pt idx="2">
                  <c:v>223597.28200000001</c:v>
                </c:pt>
                <c:pt idx="3">
                  <c:v>230466.201</c:v>
                </c:pt>
                <c:pt idx="4">
                  <c:v>223877.951</c:v>
                </c:pt>
                <c:pt idx="5">
                  <c:v>227133.15100000001</c:v>
                </c:pt>
                <c:pt idx="6">
                  <c:v>248177.42499999999</c:v>
                </c:pt>
                <c:pt idx="7">
                  <c:v>252046.54199999999</c:v>
                </c:pt>
                <c:pt idx="8">
                  <c:v>256243</c:v>
                </c:pt>
                <c:pt idx="9">
                  <c:v>254507</c:v>
                </c:pt>
              </c:numCache>
            </c:numRef>
          </c:val>
          <c:smooth val="0"/>
          <c:extLst>
            <c:ext xmlns:c16="http://schemas.microsoft.com/office/drawing/2014/chart" uri="{C3380CC4-5D6E-409C-BE32-E72D297353CC}">
              <c16:uniqueId val="{00000007-A6A6-4FC0-97EF-0BB15CFDB4DA}"/>
            </c:ext>
          </c:extLst>
        </c:ser>
        <c:dLbls>
          <c:showLegendKey val="0"/>
          <c:showVal val="0"/>
          <c:showCatName val="0"/>
          <c:showSerName val="0"/>
          <c:showPercent val="0"/>
          <c:showBubbleSize val="0"/>
        </c:dLbls>
        <c:marker val="1"/>
        <c:smooth val="0"/>
        <c:axId val="113642112"/>
        <c:axId val="113640576"/>
      </c:lineChart>
      <c:catAx>
        <c:axId val="112117632"/>
        <c:scaling>
          <c:orientation val="minMax"/>
        </c:scaling>
        <c:delete val="0"/>
        <c:axPos val="b"/>
        <c:numFmt formatCode="General" sourceLinked="0"/>
        <c:majorTickMark val="out"/>
        <c:minorTickMark val="none"/>
        <c:tickLblPos val="nextTo"/>
        <c:txPr>
          <a:bodyPr rot="-2700000"/>
          <a:lstStyle/>
          <a:p>
            <a:pPr>
              <a:defRPr sz="800"/>
            </a:pPr>
            <a:endParaRPr lang="ja-JP"/>
          </a:p>
        </c:txPr>
        <c:crossAx val="112119168"/>
        <c:crosses val="autoZero"/>
        <c:auto val="1"/>
        <c:lblAlgn val="ctr"/>
        <c:lblOffset val="100"/>
        <c:noMultiLvlLbl val="0"/>
      </c:catAx>
      <c:valAx>
        <c:axId val="112119168"/>
        <c:scaling>
          <c:orientation val="minMax"/>
          <c:max val="360000"/>
          <c:min val="280000"/>
        </c:scaling>
        <c:delete val="0"/>
        <c:axPos val="l"/>
        <c:majorGridlines/>
        <c:numFmt formatCode="#,##0_);[Red]\(#,##0\)" sourceLinked="1"/>
        <c:majorTickMark val="out"/>
        <c:minorTickMark val="none"/>
        <c:tickLblPos val="nextTo"/>
        <c:txPr>
          <a:bodyPr/>
          <a:lstStyle/>
          <a:p>
            <a:pPr>
              <a:defRPr sz="800"/>
            </a:pPr>
            <a:endParaRPr lang="ja-JP"/>
          </a:p>
        </c:txPr>
        <c:crossAx val="112117632"/>
        <c:crosses val="autoZero"/>
        <c:crossBetween val="between"/>
        <c:majorUnit val="20000"/>
      </c:valAx>
      <c:valAx>
        <c:axId val="113640576"/>
        <c:scaling>
          <c:orientation val="minMax"/>
          <c:max val="300000"/>
        </c:scaling>
        <c:delete val="0"/>
        <c:axPos val="r"/>
        <c:numFmt formatCode="#,##0_);[Red]\(#,##0\)" sourceLinked="1"/>
        <c:majorTickMark val="out"/>
        <c:minorTickMark val="none"/>
        <c:tickLblPos val="nextTo"/>
        <c:txPr>
          <a:bodyPr/>
          <a:lstStyle/>
          <a:p>
            <a:pPr>
              <a:defRPr sz="800"/>
            </a:pPr>
            <a:endParaRPr lang="ja-JP"/>
          </a:p>
        </c:txPr>
        <c:crossAx val="113642112"/>
        <c:crosses val="max"/>
        <c:crossBetween val="between"/>
      </c:valAx>
      <c:catAx>
        <c:axId val="113642112"/>
        <c:scaling>
          <c:orientation val="minMax"/>
        </c:scaling>
        <c:delete val="1"/>
        <c:axPos val="b"/>
        <c:numFmt formatCode="General" sourceLinked="1"/>
        <c:majorTickMark val="out"/>
        <c:minorTickMark val="none"/>
        <c:tickLblPos val="nextTo"/>
        <c:crossAx val="113640576"/>
        <c:crosses val="autoZero"/>
        <c:auto val="1"/>
        <c:lblAlgn val="ctr"/>
        <c:lblOffset val="100"/>
        <c:noMultiLvlLbl val="0"/>
      </c:catAx>
    </c:plotArea>
    <c:legend>
      <c:legendPos val="t"/>
      <c:overlay val="0"/>
    </c:legend>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5.1400554097404488E-2"/>
          <c:w val="0.83040105735001657"/>
          <c:h val="0.77942704274124708"/>
        </c:manualLayout>
      </c:layout>
      <c:lineChart>
        <c:grouping val="standard"/>
        <c:varyColors val="0"/>
        <c:ser>
          <c:idx val="0"/>
          <c:order val="0"/>
          <c:tx>
            <c:strRef>
              <c:f>Sheet1!$J$4</c:f>
              <c:strCache>
                <c:ptCount val="1"/>
                <c:pt idx="0">
                  <c:v>大阪</c:v>
                </c:pt>
              </c:strCache>
            </c:strRef>
          </c:tx>
          <c:dLbls>
            <c:dLbl>
              <c:idx val="0"/>
              <c:layout>
                <c:manualLayout>
                  <c:x val="-5.3605004855237962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2B9-4F81-9510-BCE0420CE173}"/>
                </c:ext>
              </c:extLst>
            </c:dLbl>
            <c:dLbl>
              <c:idx val="1"/>
              <c:layout>
                <c:manualLayout>
                  <c:x val="-5.0451769275518053E-2"/>
                  <c:y val="5.5651604104398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2B9-4F81-9510-BCE0420CE173}"/>
                </c:ext>
              </c:extLst>
            </c:dLbl>
            <c:dLbl>
              <c:idx val="2"/>
              <c:layout>
                <c:manualLayout>
                  <c:x val="-5.675824043495787E-2"/>
                  <c:y val="5.13707114809830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2B9-4F81-9510-BCE0420CE173}"/>
                </c:ext>
              </c:extLst>
            </c:dLbl>
            <c:dLbl>
              <c:idx val="3"/>
              <c:layout>
                <c:manualLayout>
                  <c:x val="-5.6758240434957814E-2"/>
                  <c:y val="3.852803361073726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2B9-4F81-9510-BCE0420CE173}"/>
                </c:ext>
              </c:extLst>
            </c:dLbl>
            <c:dLbl>
              <c:idx val="4"/>
              <c:layout>
                <c:manualLayout>
                  <c:x val="-5.9911476014677688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2B9-4F81-9510-BCE0420CE173}"/>
                </c:ext>
              </c:extLst>
            </c:dLbl>
            <c:dLbl>
              <c:idx val="5"/>
              <c:layout>
                <c:manualLayout>
                  <c:x val="-7.2524418333557314E-2"/>
                  <c:y val="3.42471409873222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2B9-4F81-9510-BCE0420CE173}"/>
                </c:ext>
              </c:extLst>
            </c:dLbl>
            <c:dLbl>
              <c:idx val="6"/>
              <c:layout>
                <c:manualLayout>
                  <c:x val="-7.2524418333557203E-2"/>
                  <c:y val="3.42471409873220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2B9-4F81-9510-BCE0420CE173}"/>
                </c:ext>
              </c:extLst>
            </c:dLbl>
            <c:dLbl>
              <c:idx val="7"/>
              <c:layout>
                <c:manualLayout>
                  <c:x val="-4.729853369579818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2B9-4F81-9510-BCE0420CE173}"/>
                </c:ext>
              </c:extLst>
            </c:dLbl>
            <c:dLbl>
              <c:idx val="8"/>
              <c:layout>
                <c:manualLayout>
                  <c:x val="-4.3962758005354284E-2"/>
                  <c:y val="3.00826918719093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12B9-4F81-9510-BCE0420CE173}"/>
                </c:ext>
              </c:extLst>
            </c:dLbl>
            <c:spPr>
              <a:noFill/>
              <a:ln>
                <a:noFill/>
              </a:ln>
              <a:effectLst/>
            </c:spPr>
            <c:txPr>
              <a:bodyPr wrap="square" lIns="38100" tIns="19050" rIns="38100" bIns="19050" anchor="ctr">
                <a:spAutoFit/>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4:$S$4</c:f>
              <c:numCache>
                <c:formatCode>#,##0_);[Red]\(#,##0\)</c:formatCode>
                <c:ptCount val="9"/>
                <c:pt idx="0">
                  <c:v>1471.5419999999999</c:v>
                </c:pt>
                <c:pt idx="1">
                  <c:v>1428.4749999999999</c:v>
                </c:pt>
                <c:pt idx="2">
                  <c:v>1394.771</c:v>
                </c:pt>
                <c:pt idx="3">
                  <c:v>1399.117</c:v>
                </c:pt>
                <c:pt idx="4">
                  <c:v>1569.268</c:v>
                </c:pt>
                <c:pt idx="5">
                  <c:v>1456.0640000000001</c:v>
                </c:pt>
                <c:pt idx="6">
                  <c:v>1508.021</c:v>
                </c:pt>
                <c:pt idx="7" formatCode="#,##0_ ">
                  <c:v>1622</c:v>
                </c:pt>
                <c:pt idx="8">
                  <c:v>1639</c:v>
                </c:pt>
              </c:numCache>
            </c:numRef>
          </c:val>
          <c:smooth val="0"/>
          <c:extLst>
            <c:ext xmlns:c16="http://schemas.microsoft.com/office/drawing/2014/chart" uri="{C3380CC4-5D6E-409C-BE32-E72D297353CC}">
              <c16:uniqueId val="{00000008-12B9-4F81-9510-BCE0420CE173}"/>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2B9-4F81-9510-BCE0420CE173}"/>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2B9-4F81-9510-BCE0420CE173}"/>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2B9-4F81-9510-BCE0420CE173}"/>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2B9-4F81-9510-BCE0420CE173}"/>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2B9-4F81-9510-BCE0420CE173}"/>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2B9-4F81-9510-BCE0420CE173}"/>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2B9-4F81-9510-BCE0420CE173}"/>
                </c:ext>
              </c:extLst>
            </c:dLbl>
            <c:dLbl>
              <c:idx val="7"/>
              <c:layout>
                <c:manualLayout>
                  <c:x val="-5.0451769275518053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2B9-4F81-9510-BCE0420CE173}"/>
                </c:ext>
              </c:extLst>
            </c:dLbl>
            <c:dLbl>
              <c:idx val="8"/>
              <c:layout>
                <c:manualLayout>
                  <c:x val="-4.1215085630019639E-2"/>
                  <c:y val="-5.34803411056165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12B9-4F81-9510-BCE0420CE17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5:$S$5</c:f>
              <c:numCache>
                <c:formatCode>#,##0_);[Red]\(#,##0\)</c:formatCode>
                <c:ptCount val="9"/>
                <c:pt idx="0">
                  <c:v>5845.1130000000003</c:v>
                </c:pt>
                <c:pt idx="1">
                  <c:v>6232.4549999999999</c:v>
                </c:pt>
                <c:pt idx="2">
                  <c:v>6272.5969999999998</c:v>
                </c:pt>
                <c:pt idx="3">
                  <c:v>6479.6639999999998</c:v>
                </c:pt>
                <c:pt idx="4">
                  <c:v>6905.6760000000004</c:v>
                </c:pt>
                <c:pt idx="5">
                  <c:v>7206.1719999999996</c:v>
                </c:pt>
                <c:pt idx="6">
                  <c:v>6682.3559999999998</c:v>
                </c:pt>
                <c:pt idx="7" formatCode="#,##0_ ">
                  <c:v>7171</c:v>
                </c:pt>
                <c:pt idx="8">
                  <c:v>6947</c:v>
                </c:pt>
              </c:numCache>
            </c:numRef>
          </c:val>
          <c:smooth val="0"/>
          <c:extLst>
            <c:ext xmlns:c16="http://schemas.microsoft.com/office/drawing/2014/chart" uri="{C3380CC4-5D6E-409C-BE32-E72D297353CC}">
              <c16:uniqueId val="{00000011-12B9-4F81-9510-BCE0420CE173}"/>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12B9-4F81-9510-BCE0420CE173}"/>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12B9-4F81-9510-BCE0420CE173}"/>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12B9-4F81-9510-BCE0420CE173}"/>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12B9-4F81-9510-BCE0420CE173}"/>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12B9-4F81-9510-BCE0420CE173}"/>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12B9-4F81-9510-BCE0420CE173}"/>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12B9-4F81-9510-BCE0420CE173}"/>
                </c:ext>
              </c:extLst>
            </c:dLbl>
            <c:dLbl>
              <c:idx val="7"/>
              <c:layout>
                <c:manualLayout>
                  <c:x val="-5.0451769275518053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12B9-4F81-9510-BCE0420CE173}"/>
                </c:ext>
              </c:extLst>
            </c:dLbl>
            <c:dLbl>
              <c:idx val="8"/>
              <c:layout>
                <c:manualLayout>
                  <c:x val="-4.6710430380688825E-2"/>
                  <c:y val="-4.0110255829212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12B9-4F81-9510-BCE0420CE17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S$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K$6:$S$6</c:f>
              <c:numCache>
                <c:formatCode>#,##0_);[Red]\(#,##0\)</c:formatCode>
                <c:ptCount val="9"/>
                <c:pt idx="0">
                  <c:v>1434.3679999999999</c:v>
                </c:pt>
                <c:pt idx="1">
                  <c:v>1499.5540000000001</c:v>
                </c:pt>
                <c:pt idx="2">
                  <c:v>1678.819</c:v>
                </c:pt>
                <c:pt idx="3">
                  <c:v>1765.5609999999999</c:v>
                </c:pt>
                <c:pt idx="4">
                  <c:v>1948.6410000000001</c:v>
                </c:pt>
                <c:pt idx="5">
                  <c:v>2037.2739999999999</c:v>
                </c:pt>
                <c:pt idx="6">
                  <c:v>2026.0250000000001</c:v>
                </c:pt>
                <c:pt idx="7" formatCode="#,##0_ ">
                  <c:v>2020</c:v>
                </c:pt>
                <c:pt idx="8">
                  <c:v>2129</c:v>
                </c:pt>
              </c:numCache>
            </c:numRef>
          </c:val>
          <c:smooth val="0"/>
          <c:extLst>
            <c:ext xmlns:c16="http://schemas.microsoft.com/office/drawing/2014/chart" uri="{C3380CC4-5D6E-409C-BE32-E72D297353CC}">
              <c16:uniqueId val="{0000001A-12B9-4F81-9510-BCE0420CE173}"/>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spPr>
          <a:ln>
            <a:noFill/>
          </a:ln>
        </c:spPr>
        <c:crossAx val="123929728"/>
        <c:crosses val="autoZero"/>
        <c:crossBetween val="between"/>
      </c:valAx>
    </c:plotArea>
    <c:legend>
      <c:legendPos val="r"/>
      <c:layout>
        <c:manualLayout>
          <c:xMode val="edge"/>
          <c:yMode val="edge"/>
          <c:x val="0.24691866010810404"/>
          <c:y val="0.86256522351109899"/>
          <c:w val="0.56644235385066166"/>
          <c:h val="0.12496849565728577"/>
        </c:manualLayout>
      </c:layout>
      <c:overlay val="0"/>
    </c:legend>
    <c:plotVisOnly val="1"/>
    <c:dispBlanksAs val="gap"/>
    <c:showDLblsOverMax val="0"/>
  </c:chart>
  <c:spPr>
    <a:ln>
      <a:noFill/>
    </a:ln>
  </c:spPr>
  <c:externalData r:id="rId1">
    <c:autoUpdate val="0"/>
  </c:externalData>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3-1_3'!$A$61</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1:$K$61</c:f>
              <c:numCache>
                <c:formatCode>#,##0</c:formatCode>
                <c:ptCount val="10"/>
                <c:pt idx="0">
                  <c:v>6767</c:v>
                </c:pt>
                <c:pt idx="1">
                  <c:v>7761</c:v>
                </c:pt>
                <c:pt idx="2">
                  <c:v>8748</c:v>
                </c:pt>
                <c:pt idx="3">
                  <c:v>6933</c:v>
                </c:pt>
                <c:pt idx="4">
                  <c:v>6151</c:v>
                </c:pt>
                <c:pt idx="5">
                  <c:v>6187</c:v>
                </c:pt>
                <c:pt idx="6">
                  <c:v>6192</c:v>
                </c:pt>
                <c:pt idx="7">
                  <c:v>6504</c:v>
                </c:pt>
                <c:pt idx="8">
                  <c:v>6778</c:v>
                </c:pt>
                <c:pt idx="9">
                  <c:v>6484</c:v>
                </c:pt>
              </c:numCache>
            </c:numRef>
          </c:val>
          <c:smooth val="0"/>
          <c:extLst>
            <c:ext xmlns:c16="http://schemas.microsoft.com/office/drawing/2014/chart" uri="{C3380CC4-5D6E-409C-BE32-E72D297353CC}">
              <c16:uniqueId val="{00000000-87CB-4C23-9C07-CB3E89662122}"/>
            </c:ext>
          </c:extLst>
        </c:ser>
        <c:ser>
          <c:idx val="1"/>
          <c:order val="1"/>
          <c:tx>
            <c:strRef>
              <c:f>'3-1_3'!$A$62</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9"/>
              <c:layout>
                <c:manualLayout>
                  <c:x val="-2.9588229113649524E-2"/>
                  <c:y val="-2.62145655931018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7CB-4C23-9C07-CB3E89662122}"/>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2:$K$62</c:f>
              <c:numCache>
                <c:formatCode>#,##0</c:formatCode>
                <c:ptCount val="10"/>
                <c:pt idx="0">
                  <c:v>15365</c:v>
                </c:pt>
                <c:pt idx="1">
                  <c:v>18394</c:v>
                </c:pt>
                <c:pt idx="2">
                  <c:v>21412</c:v>
                </c:pt>
                <c:pt idx="3">
                  <c:v>22861</c:v>
                </c:pt>
                <c:pt idx="4">
                  <c:v>22117</c:v>
                </c:pt>
                <c:pt idx="5">
                  <c:v>23822</c:v>
                </c:pt>
                <c:pt idx="6">
                  <c:v>24269</c:v>
                </c:pt>
                <c:pt idx="7">
                  <c:v>25124</c:v>
                </c:pt>
                <c:pt idx="8">
                  <c:v>25331</c:v>
                </c:pt>
                <c:pt idx="9">
                  <c:v>28323</c:v>
                </c:pt>
              </c:numCache>
            </c:numRef>
          </c:val>
          <c:smooth val="0"/>
          <c:extLst>
            <c:ext xmlns:c16="http://schemas.microsoft.com/office/drawing/2014/chart" uri="{C3380CC4-5D6E-409C-BE32-E72D297353CC}">
              <c16:uniqueId val="{00000001-87CB-4C23-9C07-CB3E89662122}"/>
            </c:ext>
          </c:extLst>
        </c:ser>
        <c:ser>
          <c:idx val="2"/>
          <c:order val="2"/>
          <c:tx>
            <c:strRef>
              <c:f>'3-1_3'!$A$63</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K$6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3-1_3'!$B$63:$K$63</c:f>
              <c:numCache>
                <c:formatCode>#,##0</c:formatCode>
                <c:ptCount val="10"/>
                <c:pt idx="0">
                  <c:v>2286</c:v>
                </c:pt>
                <c:pt idx="1">
                  <c:v>2922</c:v>
                </c:pt>
                <c:pt idx="2">
                  <c:v>2782</c:v>
                </c:pt>
                <c:pt idx="3">
                  <c:v>2750</c:v>
                </c:pt>
                <c:pt idx="4">
                  <c:v>2772</c:v>
                </c:pt>
                <c:pt idx="5">
                  <c:v>2845</c:v>
                </c:pt>
                <c:pt idx="6">
                  <c:v>2890</c:v>
                </c:pt>
                <c:pt idx="7">
                  <c:v>3094</c:v>
                </c:pt>
                <c:pt idx="8">
                  <c:v>2952</c:v>
                </c:pt>
                <c:pt idx="9">
                  <c:v>2831</c:v>
                </c:pt>
              </c:numCache>
            </c:numRef>
          </c:val>
          <c:smooth val="0"/>
          <c:extLst>
            <c:ext xmlns:c16="http://schemas.microsoft.com/office/drawing/2014/chart" uri="{C3380CC4-5D6E-409C-BE32-E72D297353CC}">
              <c16:uniqueId val="{00000002-87CB-4C23-9C07-CB3E89662122}"/>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715649467867149"/>
          <c:y val="0.1172912216876606"/>
          <c:w val="0.86249498706173433"/>
          <c:h val="0.74860366004845524"/>
        </c:manualLayout>
      </c:layout>
      <c:lineChart>
        <c:grouping val="standard"/>
        <c:varyColors val="0"/>
        <c:ser>
          <c:idx val="0"/>
          <c:order val="0"/>
          <c:tx>
            <c:strRef>
              <c:f>Sheet1!$B$7</c:f>
              <c:strCache>
                <c:ptCount val="1"/>
                <c:pt idx="0">
                  <c:v>東京都</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7:$J$7</c:f>
              <c:numCache>
                <c:formatCode>#,##0_);[Red]\(#,##0\)</c:formatCode>
                <c:ptCount val="8"/>
                <c:pt idx="0">
                  <c:v>10364</c:v>
                </c:pt>
                <c:pt idx="1">
                  <c:v>11976</c:v>
                </c:pt>
                <c:pt idx="2">
                  <c:v>12121</c:v>
                </c:pt>
                <c:pt idx="3">
                  <c:v>12101</c:v>
                </c:pt>
                <c:pt idx="4">
                  <c:v>12502</c:v>
                </c:pt>
                <c:pt idx="5">
                  <c:v>12444</c:v>
                </c:pt>
                <c:pt idx="6">
                  <c:v>12350</c:v>
                </c:pt>
                <c:pt idx="7">
                  <c:v>12570</c:v>
                </c:pt>
              </c:numCache>
            </c:numRef>
          </c:val>
          <c:smooth val="0"/>
          <c:extLst>
            <c:ext xmlns:c16="http://schemas.microsoft.com/office/drawing/2014/chart" uri="{C3380CC4-5D6E-409C-BE32-E72D297353CC}">
              <c16:uniqueId val="{00000000-B186-43E9-8B0D-9B55A99D5F29}"/>
            </c:ext>
          </c:extLst>
        </c:ser>
        <c:ser>
          <c:idx val="1"/>
          <c:order val="1"/>
          <c:tx>
            <c:strRef>
              <c:f>Sheet1!$B$6</c:f>
              <c:strCache>
                <c:ptCount val="1"/>
                <c:pt idx="0">
                  <c:v>大阪府</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spPr>
              <a:noFill/>
              <a:ln>
                <a:noFill/>
              </a:ln>
              <a:effectLst/>
            </c:spPr>
            <c:txPr>
              <a:bodyPr rot="0" spcFirstLastPara="1" vertOverflow="ellipsis" vert="horz" wrap="square" anchor="ctr" anchorCtr="1"/>
              <a:lstStyle/>
              <a:p>
                <a:pPr>
                  <a:defRPr sz="10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6:$J$6</c:f>
              <c:numCache>
                <c:formatCode>#,##0_);[Red]\(#,##0\)</c:formatCode>
                <c:ptCount val="8"/>
                <c:pt idx="0">
                  <c:v>2418</c:v>
                </c:pt>
                <c:pt idx="1">
                  <c:v>2967</c:v>
                </c:pt>
                <c:pt idx="2">
                  <c:v>3105</c:v>
                </c:pt>
                <c:pt idx="3">
                  <c:v>3055</c:v>
                </c:pt>
                <c:pt idx="4">
                  <c:v>3202</c:v>
                </c:pt>
                <c:pt idx="5">
                  <c:v>3139</c:v>
                </c:pt>
                <c:pt idx="6">
                  <c:v>3012</c:v>
                </c:pt>
                <c:pt idx="7">
                  <c:v>3198</c:v>
                </c:pt>
              </c:numCache>
            </c:numRef>
          </c:val>
          <c:smooth val="0"/>
          <c:extLst>
            <c:ext xmlns:c16="http://schemas.microsoft.com/office/drawing/2014/chart" uri="{C3380CC4-5D6E-409C-BE32-E72D297353CC}">
              <c16:uniqueId val="{00000001-B186-43E9-8B0D-9B55A99D5F29}"/>
            </c:ext>
          </c:extLst>
        </c:ser>
        <c:ser>
          <c:idx val="2"/>
          <c:order val="2"/>
          <c:tx>
            <c:strRef>
              <c:f>Sheet1!$B$8</c:f>
              <c:strCache>
                <c:ptCount val="1"/>
                <c:pt idx="0">
                  <c:v>愛知県</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Lbl>
              <c:idx val="0"/>
              <c:layout>
                <c:manualLayout>
                  <c:x val="-4.4658040665434384E-2"/>
                  <c:y val="4.4206748252853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186-43E9-8B0D-9B55A99D5F29}"/>
                </c:ext>
              </c:extLst>
            </c:dLbl>
            <c:dLbl>
              <c:idx val="1"/>
              <c:layout>
                <c:manualLayout>
                  <c:x val="-4.4658040665434426E-2"/>
                  <c:y val="4.82228125098818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186-43E9-8B0D-9B55A99D5F29}"/>
                </c:ext>
              </c:extLst>
            </c:dLbl>
            <c:dLbl>
              <c:idx val="2"/>
              <c:layout>
                <c:manualLayout>
                  <c:x val="-4.2193468884781316E-2"/>
                  <c:y val="5.22388767669101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186-43E9-8B0D-9B55A99D5F29}"/>
                </c:ext>
              </c:extLst>
            </c:dLbl>
            <c:dLbl>
              <c:idx val="3"/>
              <c:layout>
                <c:manualLayout>
                  <c:x val="-4.5344585091420538E-2"/>
                  <c:y val="5.09605570137066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186-43E9-8B0D-9B55A99D5F29}"/>
                </c:ext>
              </c:extLst>
            </c:dLbl>
            <c:dLbl>
              <c:idx val="4"/>
              <c:layout>
                <c:manualLayout>
                  <c:x val="-4.4658040665434384E-2"/>
                  <c:y val="4.42067482528539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186-43E9-8B0D-9B55A99D5F29}"/>
                </c:ext>
              </c:extLst>
            </c:dLbl>
            <c:dLbl>
              <c:idx val="5"/>
              <c:layout>
                <c:manualLayout>
                  <c:x val="-4.4658040665434474E-2"/>
                  <c:y val="5.22388767669101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186-43E9-8B0D-9B55A99D5F29}"/>
                </c:ext>
              </c:extLst>
            </c:dLbl>
            <c:dLbl>
              <c:idx val="6"/>
              <c:layout>
                <c:manualLayout>
                  <c:x val="-4.4658040665434384E-2"/>
                  <c:y val="5.22388767669100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186-43E9-8B0D-9B55A99D5F29}"/>
                </c:ext>
              </c:extLst>
            </c:dLbl>
            <c:dLbl>
              <c:idx val="7"/>
              <c:layout>
                <c:manualLayout>
                  <c:x val="-4.1302535889113853E-2"/>
                  <c:y val="4.8222812509882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B186-43E9-8B0D-9B55A99D5F29}"/>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5:$J$5</c:f>
              <c:strCache>
                <c:ptCount val="8"/>
                <c:pt idx="0">
                  <c:v>2011年</c:v>
                </c:pt>
                <c:pt idx="1">
                  <c:v>2012年</c:v>
                </c:pt>
                <c:pt idx="2">
                  <c:v>2013年</c:v>
                </c:pt>
                <c:pt idx="3">
                  <c:v>2014年</c:v>
                </c:pt>
                <c:pt idx="4">
                  <c:v>2015年</c:v>
                </c:pt>
                <c:pt idx="5">
                  <c:v>2016年</c:v>
                </c:pt>
                <c:pt idx="6">
                  <c:v>2017年</c:v>
                </c:pt>
                <c:pt idx="7">
                  <c:v>2018年</c:v>
                </c:pt>
              </c:strCache>
            </c:strRef>
          </c:cat>
          <c:val>
            <c:numRef>
              <c:f>Sheet1!$C$8:$J$8</c:f>
              <c:numCache>
                <c:formatCode>#,##0_);[Red]\(#,##0\)</c:formatCode>
                <c:ptCount val="8"/>
                <c:pt idx="0">
                  <c:v>1610</c:v>
                </c:pt>
                <c:pt idx="1">
                  <c:v>1990</c:v>
                </c:pt>
                <c:pt idx="2">
                  <c:v>2218</c:v>
                </c:pt>
                <c:pt idx="3">
                  <c:v>2212</c:v>
                </c:pt>
                <c:pt idx="4">
                  <c:v>2292</c:v>
                </c:pt>
                <c:pt idx="5">
                  <c:v>2267</c:v>
                </c:pt>
                <c:pt idx="6">
                  <c:v>2261</c:v>
                </c:pt>
                <c:pt idx="7">
                  <c:v>2458</c:v>
                </c:pt>
              </c:numCache>
            </c:numRef>
          </c:val>
          <c:smooth val="0"/>
          <c:extLst>
            <c:ext xmlns:c16="http://schemas.microsoft.com/office/drawing/2014/chart" uri="{C3380CC4-5D6E-409C-BE32-E72D297353CC}">
              <c16:uniqueId val="{0000000A-B186-43E9-8B0D-9B55A99D5F29}"/>
            </c:ext>
          </c:extLst>
        </c:ser>
        <c:dLbls>
          <c:dLblPos val="t"/>
          <c:showLegendKey val="0"/>
          <c:showVal val="1"/>
          <c:showCatName val="0"/>
          <c:showSerName val="0"/>
          <c:showPercent val="0"/>
          <c:showBubbleSize val="0"/>
        </c:dLbls>
        <c:marker val="1"/>
        <c:smooth val="0"/>
        <c:axId val="327657568"/>
        <c:axId val="327657984"/>
      </c:lineChart>
      <c:catAx>
        <c:axId val="327657568"/>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327657984"/>
        <c:crosses val="autoZero"/>
        <c:auto val="1"/>
        <c:lblAlgn val="ctr"/>
        <c:lblOffset val="100"/>
        <c:noMultiLvlLbl val="0"/>
      </c:catAx>
      <c:valAx>
        <c:axId val="327657984"/>
        <c:scaling>
          <c:orientation val="minMax"/>
        </c:scaling>
        <c:delete val="0"/>
        <c:axPos val="l"/>
        <c:numFmt formatCode="#,##0_);[Red]\(#,##0\)"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327657568"/>
        <c:crosses val="autoZero"/>
        <c:crossBetween val="between"/>
      </c:valAx>
      <c:spPr>
        <a:noFill/>
        <a:ln>
          <a:noFill/>
        </a:ln>
        <a:effectLst/>
      </c:spPr>
    </c:plotArea>
    <c:legend>
      <c:legendPos val="t"/>
      <c:layout>
        <c:manualLayout>
          <c:xMode val="edge"/>
          <c:yMode val="edge"/>
          <c:x val="0.10813617326947789"/>
          <c:y val="4.0472010380403545E-2"/>
          <c:w val="0.64750530138575768"/>
          <c:h val="6.8807821040718545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zero"/>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G$3</c:f>
              <c:strCache>
                <c:ptCount val="1"/>
                <c:pt idx="0">
                  <c:v>2018年</c:v>
                </c:pt>
              </c:strCache>
            </c:strRef>
          </c:tx>
          <c:spPr>
            <a:solidFill>
              <a:schemeClr val="tx2"/>
            </a:solidFill>
            <a:ln>
              <a:solidFill>
                <a:schemeClr val="accent1"/>
              </a:solidFill>
            </a:ln>
            <a:effectLst/>
          </c:spPr>
          <c:invertIfNegative val="0"/>
          <c:dLbls>
            <c:dLbl>
              <c:idx val="0"/>
              <c:layout>
                <c:manualLayout>
                  <c:x val="-8.3333333333333332E-3"/>
                  <c:y val="2.777777777777777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19E-4BBF-9664-AA1B34BA1A36}"/>
                </c:ext>
              </c:extLst>
            </c:dLbl>
            <c:dLbl>
              <c:idx val="1"/>
              <c:layout>
                <c:manualLayout>
                  <c:x val="-5.5555555555555558E-3"/>
                  <c:y val="1.388888888888880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19E-4BBF-9664-AA1B34BA1A36}"/>
                </c:ext>
              </c:extLst>
            </c:dLbl>
            <c:dLbl>
              <c:idx val="2"/>
              <c:layout>
                <c:manualLayout>
                  <c:x val="-1.1111111111111112E-2"/>
                  <c:y val="9.2592592592592587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19E-4BBF-9664-AA1B34BA1A36}"/>
                </c:ext>
              </c:extLst>
            </c:dLbl>
            <c:dLbl>
              <c:idx val="3"/>
              <c:layout>
                <c:manualLayout>
                  <c:x val="-8.3333333333333332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19E-4BBF-9664-AA1B34BA1A36}"/>
                </c:ext>
              </c:extLst>
            </c:dLbl>
            <c:dLbl>
              <c:idx val="4"/>
              <c:layout>
                <c:manualLayout>
                  <c:x val="-1.4869284871927678E-2"/>
                  <c:y val="1.388888298543825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19E-4BBF-9664-AA1B34BA1A36}"/>
                </c:ext>
              </c:extLst>
            </c:dLbl>
            <c:dLbl>
              <c:idx val="5"/>
              <c:layout>
                <c:manualLayout>
                  <c:x val="-1.4869284871927556E-2"/>
                  <c:y val="1.312039539706538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19E-4BBF-9664-AA1B34BA1A36}"/>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補修</c:v>
                </c:pt>
                <c:pt idx="5">
                  <c:v>その他</c:v>
                </c:pt>
              </c:strCache>
            </c:strRef>
          </c:cat>
          <c:val>
            <c:numRef>
              <c:f>Sheet1!$H$3:$M$3</c:f>
              <c:numCache>
                <c:formatCode>General</c:formatCode>
                <c:ptCount val="6"/>
                <c:pt idx="0">
                  <c:v>26.1</c:v>
                </c:pt>
                <c:pt idx="1">
                  <c:v>12.2</c:v>
                </c:pt>
                <c:pt idx="2">
                  <c:v>28.4</c:v>
                </c:pt>
                <c:pt idx="3">
                  <c:v>4.0999999999999996</c:v>
                </c:pt>
                <c:pt idx="4">
                  <c:v>59.7</c:v>
                </c:pt>
                <c:pt idx="5">
                  <c:v>10.7</c:v>
                </c:pt>
              </c:numCache>
            </c:numRef>
          </c:val>
          <c:extLst>
            <c:ext xmlns:c16="http://schemas.microsoft.com/office/drawing/2014/chart" uri="{C3380CC4-5D6E-409C-BE32-E72D297353CC}">
              <c16:uniqueId val="{00000006-D19E-4BBF-9664-AA1B34BA1A36}"/>
            </c:ext>
          </c:extLst>
        </c:ser>
        <c:ser>
          <c:idx val="1"/>
          <c:order val="1"/>
          <c:tx>
            <c:strRef>
              <c:f>Sheet1!$G$4</c:f>
              <c:strCache>
                <c:ptCount val="1"/>
                <c:pt idx="0">
                  <c:v>2019年</c:v>
                </c:pt>
              </c:strCache>
            </c:strRef>
          </c:tx>
          <c:spPr>
            <a:pattFill prst="dkUpDiag">
              <a:fgClr>
                <a:srgbClr val="FF0000"/>
              </a:fgClr>
              <a:bgClr>
                <a:schemeClr val="bg1"/>
              </a:bgClr>
            </a:pattFill>
            <a:ln>
              <a:solidFill>
                <a:srgbClr val="FF0000"/>
              </a:solidFill>
            </a:ln>
            <a:effectLst/>
          </c:spPr>
          <c:invertIfNegative val="0"/>
          <c:dLbls>
            <c:dLbl>
              <c:idx val="0"/>
              <c:layout>
                <c:manualLayout>
                  <c:x val="3.0228765948424153E-2"/>
                  <c:y val="2.777776597087653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19E-4BBF-9664-AA1B34BA1A36}"/>
                </c:ext>
              </c:extLst>
            </c:dLbl>
            <c:dLbl>
              <c:idx val="1"/>
              <c:layout>
                <c:manualLayout>
                  <c:x val="1.3888888888888888E-2"/>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19E-4BBF-9664-AA1B34BA1A36}"/>
                </c:ext>
              </c:extLst>
            </c:dLbl>
            <c:dLbl>
              <c:idx val="2"/>
              <c:layout>
                <c:manualLayout>
                  <c:x val="1.3888888888888838E-2"/>
                  <c:y val="4.6296296296295869E-3"/>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19E-4BBF-9664-AA1B34BA1A36}"/>
                </c:ext>
              </c:extLst>
            </c:dLbl>
            <c:dLbl>
              <c:idx val="3"/>
              <c:layout>
                <c:manualLayout>
                  <c:x val="5.5555555555555558E-3"/>
                  <c:y val="2.314814814814814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19E-4BBF-9664-AA1B34BA1A36}"/>
                </c:ext>
              </c:extLst>
            </c:dLbl>
            <c:dLbl>
              <c:idx val="4"/>
              <c:layout>
                <c:manualLayout>
                  <c:x val="1.6666670955347372E-2"/>
                  <c:y val="1.542585816218404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19E-4BBF-9664-AA1B34BA1A36}"/>
                </c:ext>
              </c:extLst>
            </c:dLbl>
            <c:dLbl>
              <c:idx val="5"/>
              <c:layout>
                <c:manualLayout>
                  <c:x val="1.7647063364485453E-2"/>
                  <c:y val="1.9286998235623905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19E-4BBF-9664-AA1B34BA1A36}"/>
                </c:ext>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H$1:$M$1</c:f>
              <c:strCache>
                <c:ptCount val="6"/>
                <c:pt idx="0">
                  <c:v>能力増強</c:v>
                </c:pt>
                <c:pt idx="1">
                  <c:v>新製品・
製品高度化</c:v>
                </c:pt>
                <c:pt idx="2">
                  <c:v>合理化・
省力化</c:v>
                </c:pt>
                <c:pt idx="3">
                  <c:v>研究開発</c:v>
                </c:pt>
                <c:pt idx="4">
                  <c:v>維持・補修</c:v>
                </c:pt>
                <c:pt idx="5">
                  <c:v>その他</c:v>
                </c:pt>
              </c:strCache>
            </c:strRef>
          </c:cat>
          <c:val>
            <c:numRef>
              <c:f>Sheet1!$H$4:$M$4</c:f>
              <c:numCache>
                <c:formatCode>General</c:formatCode>
                <c:ptCount val="6"/>
                <c:pt idx="0">
                  <c:v>25.5</c:v>
                </c:pt>
                <c:pt idx="1">
                  <c:v>10.7</c:v>
                </c:pt>
                <c:pt idx="2">
                  <c:v>31.9</c:v>
                </c:pt>
                <c:pt idx="3">
                  <c:v>4.5999999999999996</c:v>
                </c:pt>
                <c:pt idx="4">
                  <c:v>58.2</c:v>
                </c:pt>
                <c:pt idx="5">
                  <c:v>9.8000000000000007</c:v>
                </c:pt>
              </c:numCache>
            </c:numRef>
          </c:val>
          <c:extLst>
            <c:ext xmlns:c16="http://schemas.microsoft.com/office/drawing/2014/chart" uri="{C3380CC4-5D6E-409C-BE32-E72D297353CC}">
              <c16:uniqueId val="{0000000D-D19E-4BBF-9664-AA1B34BA1A36}"/>
            </c:ext>
          </c:extLst>
        </c:ser>
        <c:dLbls>
          <c:dLblPos val="outEnd"/>
          <c:showLegendKey val="0"/>
          <c:showVal val="1"/>
          <c:showCatName val="0"/>
          <c:showSerName val="0"/>
          <c:showPercent val="0"/>
          <c:showBubbleSize val="0"/>
        </c:dLbls>
        <c:gapWidth val="219"/>
        <c:overlap val="-27"/>
        <c:axId val="1502211327"/>
        <c:axId val="1502208831"/>
      </c:barChart>
      <c:catAx>
        <c:axId val="15022113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08831"/>
        <c:crosses val="autoZero"/>
        <c:auto val="1"/>
        <c:lblAlgn val="ctr"/>
        <c:lblOffset val="100"/>
        <c:noMultiLvlLbl val="0"/>
      </c:catAx>
      <c:valAx>
        <c:axId val="1502208831"/>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2211327"/>
        <c:crosses val="autoZero"/>
        <c:crossBetween val="between"/>
      </c:valAx>
      <c:spPr>
        <a:noFill/>
        <a:ln>
          <a:noFill/>
        </a:ln>
        <a:effectLst/>
      </c:spPr>
    </c:plotArea>
    <c:legend>
      <c:legendPos val="b"/>
      <c:layout>
        <c:manualLayout>
          <c:xMode val="edge"/>
          <c:yMode val="edge"/>
          <c:x val="0.18425150127412412"/>
          <c:y val="0.17187445319335079"/>
          <c:w val="0.41872791383045488"/>
          <c:h val="9.7613650515817538E-2"/>
        </c:manualLayout>
      </c:layout>
      <c:overlay val="1"/>
      <c:spPr>
        <a:noFill/>
        <a:ln>
          <a:noFill/>
        </a:ln>
        <a:effectLst/>
      </c:spPr>
      <c:txPr>
        <a:bodyPr rot="0" spcFirstLastPara="1" vertOverflow="ellipsis" vert="horz" wrap="square" anchor="ctr" anchorCtr="1"/>
        <a:lstStyle/>
        <a:p>
          <a:pPr>
            <a:defRPr sz="1200" b="1"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582194467070927"/>
          <c:y val="0.16247059045676845"/>
          <c:w val="0.85515827082477669"/>
          <c:h val="0.7177850790233955"/>
        </c:manualLayout>
      </c:layout>
      <c:lineChart>
        <c:grouping val="standard"/>
        <c:varyColors val="0"/>
        <c:ser>
          <c:idx val="4"/>
          <c:order val="0"/>
          <c:tx>
            <c:strRef>
              <c:f>Sheet1!$B$31</c:f>
              <c:strCache>
                <c:ptCount val="1"/>
                <c:pt idx="0">
                  <c:v>中国</c:v>
                </c:pt>
              </c:strCache>
            </c:strRef>
          </c:tx>
          <c:spPr>
            <a:ln w="22225" cap="rnd">
              <a:solidFill>
                <a:schemeClr val="accent5"/>
              </a:solidFill>
              <a:round/>
            </a:ln>
            <a:effectLst/>
          </c:spPr>
          <c:marker>
            <c:symbol val="star"/>
            <c:size val="6"/>
            <c:spPr>
              <a:noFill/>
              <a:ln w="9525">
                <a:solidFill>
                  <a:schemeClr val="accent5"/>
                </a:solidFill>
                <a:round/>
              </a:ln>
              <a:effectLst/>
            </c:spPr>
          </c:marker>
          <c:dLbls>
            <c:dLbl>
              <c:idx val="0"/>
              <c:layout>
                <c:manualLayout>
                  <c:x val="-6.3000000000000028E-2"/>
                  <c:y val="-6.94444444444444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E3E-4B0F-8C82-4DCAC58DB3EF}"/>
                </c:ext>
              </c:extLst>
            </c:dLbl>
            <c:dLbl>
              <c:idx val="1"/>
              <c:layout>
                <c:manualLayout>
                  <c:x val="-6.2458223972003499E-2"/>
                  <c:y val="-5.5555555555555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E3E-4B0F-8C82-4DCAC58DB3EF}"/>
                </c:ext>
              </c:extLst>
            </c:dLbl>
            <c:dLbl>
              <c:idx val="2"/>
              <c:layout>
                <c:manualLayout>
                  <c:x val="-5.6902668416447942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E3E-4B0F-8C82-4DCAC58DB3EF}"/>
                </c:ext>
              </c:extLst>
            </c:dLbl>
            <c:dLbl>
              <c:idx val="3"/>
              <c:layout>
                <c:manualLayout>
                  <c:x val="-5.6902668416447942E-2"/>
                  <c:y val="-5.55555555555555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E3E-4B0F-8C82-4DCAC58DB3EF}"/>
                </c:ext>
              </c:extLst>
            </c:dLbl>
            <c:dLbl>
              <c:idx val="4"/>
              <c:layout>
                <c:manualLayout>
                  <c:x val="-5.4124890638670167E-2"/>
                  <c:y val="-5.09259259259259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E3E-4B0F-8C82-4DCAC58DB3EF}"/>
                </c:ext>
              </c:extLst>
            </c:dLbl>
            <c:dLbl>
              <c:idx val="5"/>
              <c:layout>
                <c:manualLayout>
                  <c:x val="-4.6333333333333435E-2"/>
                  <c:y val="-5.55555555555556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E3E-4B0F-8C82-4DCAC58DB3EF}"/>
                </c:ext>
              </c:extLst>
            </c:dLbl>
            <c:dLbl>
              <c:idx val="6"/>
              <c:layout>
                <c:manualLayout>
                  <c:x val="-4.6333005249343834E-2"/>
                  <c:y val="-5.5555373286672496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5.4666666666666662E-2"/>
                      <c:h val="6.4745552639253412E-2"/>
                    </c:manualLayout>
                  </c15:layout>
                </c:ext>
                <c:ext xmlns:c16="http://schemas.microsoft.com/office/drawing/2014/chart" uri="{C3380CC4-5D6E-409C-BE32-E72D297353CC}">
                  <c16:uniqueId val="{00000006-1E3E-4B0F-8C82-4DCAC58DB3EF}"/>
                </c:ext>
              </c:extLst>
            </c:dLbl>
            <c:dLbl>
              <c:idx val="7"/>
              <c:layout>
                <c:manualLayout>
                  <c:x val="-4.8900262467191598E-2"/>
                  <c:y val="-6.48148148148148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E3E-4B0F-8C82-4DCAC58DB3EF}"/>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31:$J$31</c:f>
              <c:numCache>
                <c:formatCode>#,##0_);[Red]\(#,##0\)</c:formatCode>
                <c:ptCount val="8"/>
                <c:pt idx="0">
                  <c:v>753</c:v>
                </c:pt>
                <c:pt idx="1">
                  <c:v>1042</c:v>
                </c:pt>
                <c:pt idx="2">
                  <c:v>1060</c:v>
                </c:pt>
                <c:pt idx="3">
                  <c:v>1030</c:v>
                </c:pt>
                <c:pt idx="4">
                  <c:v>1051</c:v>
                </c:pt>
                <c:pt idx="5">
                  <c:v>998</c:v>
                </c:pt>
                <c:pt idx="6">
                  <c:v>963</c:v>
                </c:pt>
                <c:pt idx="7">
                  <c:v>1015</c:v>
                </c:pt>
              </c:numCache>
            </c:numRef>
          </c:val>
          <c:smooth val="0"/>
          <c:extLst>
            <c:ext xmlns:c16="http://schemas.microsoft.com/office/drawing/2014/chart" uri="{C3380CC4-5D6E-409C-BE32-E72D297353CC}">
              <c16:uniqueId val="{00000008-1E3E-4B0F-8C82-4DCAC58DB3EF}"/>
            </c:ext>
          </c:extLst>
        </c:ser>
        <c:ser>
          <c:idx val="3"/>
          <c:order val="1"/>
          <c:tx>
            <c:strRef>
              <c:f>Sheet1!$B$30</c:f>
              <c:strCache>
                <c:ptCount val="1"/>
                <c:pt idx="0">
                  <c:v>アメリカ</c:v>
                </c:pt>
              </c:strCache>
            </c:strRef>
          </c:tx>
          <c:spPr>
            <a:ln w="22225" cap="rnd">
              <a:solidFill>
                <a:schemeClr val="accent4"/>
              </a:solidFill>
              <a:round/>
            </a:ln>
            <a:effectLst/>
          </c:spPr>
          <c:marker>
            <c:symbol val="x"/>
            <c:size val="6"/>
            <c:spPr>
              <a:noFill/>
              <a:ln w="9525">
                <a:solidFill>
                  <a:schemeClr val="accent4"/>
                </a:solidFill>
                <a:round/>
              </a:ln>
              <a:effectLst/>
            </c:spPr>
          </c:marker>
          <c:dLbls>
            <c:dLbl>
              <c:idx val="0"/>
              <c:layout>
                <c:manualLayout>
                  <c:x val="-4.9111111111111112E-2"/>
                  <c:y val="-6.48148148148148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E3E-4B0F-8C82-4DCAC58DB3EF}"/>
                </c:ext>
              </c:extLst>
            </c:dLbl>
            <c:dLbl>
              <c:idx val="1"/>
              <c:layout>
                <c:manualLayout>
                  <c:x val="-4.6333333333333331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E3E-4B0F-8C82-4DCAC58DB3EF}"/>
                </c:ext>
              </c:extLst>
            </c:dLbl>
            <c:dLbl>
              <c:idx val="2"/>
              <c:layout>
                <c:manualLayout>
                  <c:x val="-5.1888888888888887E-2"/>
                  <c:y val="-6.48148148148148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E3E-4B0F-8C82-4DCAC58DB3EF}"/>
                </c:ext>
              </c:extLst>
            </c:dLbl>
            <c:dLbl>
              <c:idx val="3"/>
              <c:layout>
                <c:manualLayout>
                  <c:x val="-4.6333333333333386E-2"/>
                  <c:y val="-5.55555555555557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E3E-4B0F-8C82-4DCAC58DB3EF}"/>
                </c:ext>
              </c:extLst>
            </c:dLbl>
            <c:dLbl>
              <c:idx val="4"/>
              <c:layout>
                <c:manualLayout>
                  <c:x val="-4.9111111111111112E-2"/>
                  <c:y val="-5.55555555555556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E3E-4B0F-8C82-4DCAC58DB3EF}"/>
                </c:ext>
              </c:extLst>
            </c:dLbl>
            <c:dLbl>
              <c:idx val="5"/>
              <c:layout>
                <c:manualLayout>
                  <c:x val="-4.6333333333333435E-2"/>
                  <c:y val="-5.09259259259259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E3E-4B0F-8C82-4DCAC58DB3EF}"/>
                </c:ext>
              </c:extLst>
            </c:dLbl>
            <c:dLbl>
              <c:idx val="6"/>
              <c:layout>
                <c:manualLayout>
                  <c:x val="-5.1888888888888991E-2"/>
                  <c:y val="-5.55555555555555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E3E-4B0F-8C82-4DCAC58DB3EF}"/>
                </c:ext>
              </c:extLst>
            </c:dLbl>
            <c:dLbl>
              <c:idx val="7"/>
              <c:layout>
                <c:manualLayout>
                  <c:x val="-4.6333333333333435E-2"/>
                  <c:y val="-6.01851851851852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E3E-4B0F-8C82-4DCAC58DB3EF}"/>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dLblPos val="l"/>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30:$J$30</c:f>
              <c:numCache>
                <c:formatCode>#,##0_);[Red]\(#,##0\)</c:formatCode>
                <c:ptCount val="8"/>
                <c:pt idx="0">
                  <c:v>294</c:v>
                </c:pt>
                <c:pt idx="1">
                  <c:v>329</c:v>
                </c:pt>
                <c:pt idx="2">
                  <c:v>321</c:v>
                </c:pt>
                <c:pt idx="3">
                  <c:v>316</c:v>
                </c:pt>
                <c:pt idx="4">
                  <c:v>324</c:v>
                </c:pt>
                <c:pt idx="5">
                  <c:v>334</c:v>
                </c:pt>
                <c:pt idx="6">
                  <c:v>309</c:v>
                </c:pt>
                <c:pt idx="7">
                  <c:v>318</c:v>
                </c:pt>
              </c:numCache>
            </c:numRef>
          </c:val>
          <c:smooth val="0"/>
          <c:extLst>
            <c:ext xmlns:c16="http://schemas.microsoft.com/office/drawing/2014/chart" uri="{C3380CC4-5D6E-409C-BE32-E72D297353CC}">
              <c16:uniqueId val="{00000011-1E3E-4B0F-8C82-4DCAC58DB3EF}"/>
            </c:ext>
          </c:extLst>
        </c:ser>
        <c:ser>
          <c:idx val="2"/>
          <c:order val="2"/>
          <c:tx>
            <c:strRef>
              <c:f>Sheet1!$B$29</c:f>
              <c:strCache>
                <c:ptCount val="1"/>
                <c:pt idx="0">
                  <c:v>タイ</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9:$J$29</c:f>
              <c:numCache>
                <c:formatCode>#,##0_);[Red]\(#,##0\)</c:formatCode>
                <c:ptCount val="8"/>
                <c:pt idx="0">
                  <c:v>186</c:v>
                </c:pt>
                <c:pt idx="1">
                  <c:v>241</c:v>
                </c:pt>
                <c:pt idx="2">
                  <c:v>274</c:v>
                </c:pt>
                <c:pt idx="3">
                  <c:v>271</c:v>
                </c:pt>
                <c:pt idx="4">
                  <c:v>307</c:v>
                </c:pt>
                <c:pt idx="5">
                  <c:v>302</c:v>
                </c:pt>
                <c:pt idx="6">
                  <c:v>290</c:v>
                </c:pt>
                <c:pt idx="7">
                  <c:v>316</c:v>
                </c:pt>
              </c:numCache>
            </c:numRef>
          </c:val>
          <c:smooth val="0"/>
          <c:extLst>
            <c:ext xmlns:c16="http://schemas.microsoft.com/office/drawing/2014/chart" uri="{C3380CC4-5D6E-409C-BE32-E72D297353CC}">
              <c16:uniqueId val="{00000012-1E3E-4B0F-8C82-4DCAC58DB3EF}"/>
            </c:ext>
          </c:extLst>
        </c:ser>
        <c:ser>
          <c:idx val="1"/>
          <c:order val="3"/>
          <c:tx>
            <c:strRef>
              <c:f>Sheet1!$B$28</c:f>
              <c:strCache>
                <c:ptCount val="1"/>
                <c:pt idx="0">
                  <c:v>香港</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8:$J$28</c:f>
              <c:numCache>
                <c:formatCode>#,##0_);[Red]\(#,##0\)</c:formatCode>
                <c:ptCount val="8"/>
                <c:pt idx="0">
                  <c:v>131</c:v>
                </c:pt>
                <c:pt idx="1">
                  <c:v>167</c:v>
                </c:pt>
                <c:pt idx="2">
                  <c:v>168</c:v>
                </c:pt>
                <c:pt idx="3">
                  <c:v>159</c:v>
                </c:pt>
                <c:pt idx="4">
                  <c:v>168</c:v>
                </c:pt>
                <c:pt idx="5">
                  <c:v>168</c:v>
                </c:pt>
                <c:pt idx="6">
                  <c:v>157</c:v>
                </c:pt>
                <c:pt idx="7">
                  <c:v>172</c:v>
                </c:pt>
              </c:numCache>
            </c:numRef>
          </c:val>
          <c:smooth val="0"/>
          <c:extLst>
            <c:ext xmlns:c16="http://schemas.microsoft.com/office/drawing/2014/chart" uri="{C3380CC4-5D6E-409C-BE32-E72D297353CC}">
              <c16:uniqueId val="{00000013-1E3E-4B0F-8C82-4DCAC58DB3EF}"/>
            </c:ext>
          </c:extLst>
        </c:ser>
        <c:ser>
          <c:idx val="0"/>
          <c:order val="4"/>
          <c:tx>
            <c:strRef>
              <c:f>Sheet1!$B$27</c:f>
              <c:strCache>
                <c:ptCount val="1"/>
                <c:pt idx="0">
                  <c:v>シンガポール</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delete val="1"/>
          </c:dLbls>
          <c:cat>
            <c:strRef>
              <c:f>Sheet1!$C$26:$J$26</c:f>
              <c:strCache>
                <c:ptCount val="8"/>
                <c:pt idx="0">
                  <c:v>2011年</c:v>
                </c:pt>
                <c:pt idx="1">
                  <c:v>2012年</c:v>
                </c:pt>
                <c:pt idx="2">
                  <c:v>2013年</c:v>
                </c:pt>
                <c:pt idx="3">
                  <c:v>2014年</c:v>
                </c:pt>
                <c:pt idx="4">
                  <c:v>2015年</c:v>
                </c:pt>
                <c:pt idx="5">
                  <c:v>2016年</c:v>
                </c:pt>
                <c:pt idx="6">
                  <c:v>2017年</c:v>
                </c:pt>
                <c:pt idx="7">
                  <c:v>2018年</c:v>
                </c:pt>
              </c:strCache>
            </c:strRef>
          </c:cat>
          <c:val>
            <c:numRef>
              <c:f>Sheet1!$C$27:$J$27</c:f>
              <c:numCache>
                <c:formatCode>#,##0_);[Red]\(#,##0\)</c:formatCode>
                <c:ptCount val="8"/>
                <c:pt idx="0">
                  <c:v>114</c:v>
                </c:pt>
                <c:pt idx="1">
                  <c:v>130</c:v>
                </c:pt>
                <c:pt idx="2">
                  <c:v>131</c:v>
                </c:pt>
                <c:pt idx="3">
                  <c:v>126</c:v>
                </c:pt>
                <c:pt idx="4">
                  <c:v>136</c:v>
                </c:pt>
                <c:pt idx="5">
                  <c:v>136</c:v>
                </c:pt>
                <c:pt idx="6">
                  <c:v>127</c:v>
                </c:pt>
                <c:pt idx="7">
                  <c:v>141</c:v>
                </c:pt>
              </c:numCache>
            </c:numRef>
          </c:val>
          <c:smooth val="0"/>
          <c:extLst>
            <c:ext xmlns:c16="http://schemas.microsoft.com/office/drawing/2014/chart" uri="{C3380CC4-5D6E-409C-BE32-E72D297353CC}">
              <c16:uniqueId val="{00000014-1E3E-4B0F-8C82-4DCAC58DB3EF}"/>
            </c:ext>
          </c:extLst>
        </c:ser>
        <c:dLbls>
          <c:dLblPos val="l"/>
          <c:showLegendKey val="0"/>
          <c:showVal val="1"/>
          <c:showCatName val="0"/>
          <c:showSerName val="0"/>
          <c:showPercent val="0"/>
          <c:showBubbleSize val="0"/>
        </c:dLbls>
        <c:marker val="1"/>
        <c:smooth val="0"/>
        <c:axId val="501403280"/>
        <c:axId val="501404944"/>
      </c:lineChart>
      <c:catAx>
        <c:axId val="5014032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501404944"/>
        <c:crosses val="autoZero"/>
        <c:auto val="1"/>
        <c:lblAlgn val="ctr"/>
        <c:lblOffset val="100"/>
        <c:noMultiLvlLbl val="0"/>
      </c:catAx>
      <c:valAx>
        <c:axId val="50140494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w="25400" cap="flat" cmpd="sng" algn="ctr">
            <a:no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01403280"/>
        <c:crosses val="autoZero"/>
        <c:crossBetween val="between"/>
      </c:valAx>
      <c:spPr>
        <a:noFill/>
        <a:ln>
          <a:noFill/>
        </a:ln>
        <a:effectLst/>
      </c:spPr>
    </c:plotArea>
    <c:legend>
      <c:legendPos val="t"/>
      <c:layout>
        <c:manualLayout>
          <c:xMode val="edge"/>
          <c:yMode val="edge"/>
          <c:x val="0.10722487275297485"/>
          <c:y val="5.7553956834532377E-2"/>
          <c:w val="0.81387299700574944"/>
          <c:h val="8.0935818274514251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47</c:f>
              <c:strCache>
                <c:ptCount val="1"/>
                <c:pt idx="0">
                  <c:v>製造業</c:v>
                </c:pt>
              </c:strCache>
            </c:strRef>
          </c:tx>
          <c:spPr>
            <a:ln w="22225" cap="rnd">
              <a:solidFill>
                <a:schemeClr val="accent1"/>
              </a:solidFill>
              <a:round/>
            </a:ln>
            <a:effectLst/>
          </c:spPr>
          <c:marker>
            <c:symbol val="diamond"/>
            <c:size val="6"/>
            <c:spPr>
              <a:solidFill>
                <a:schemeClr val="accent1"/>
              </a:solidFill>
              <a:ln w="9525">
                <a:solidFill>
                  <a:schemeClr val="accent1"/>
                </a:solidFill>
                <a:round/>
              </a:ln>
              <a:effectLst/>
            </c:spPr>
          </c:marker>
          <c:dLbls>
            <c:dLbl>
              <c:idx val="0"/>
              <c:layout>
                <c:manualLayout>
                  <c:x val="-4.3915823778055654E-2"/>
                  <c:y val="-6.01851851851851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A67-4E19-B442-2E6B49EA7E67}"/>
                </c:ext>
              </c:extLst>
            </c:dLbl>
            <c:dLbl>
              <c:idx val="1"/>
              <c:layout>
                <c:manualLayout>
                  <c:x val="-4.6355591765725408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A67-4E19-B442-2E6B49EA7E67}"/>
                </c:ext>
              </c:extLst>
            </c:dLbl>
            <c:dLbl>
              <c:idx val="2"/>
              <c:layout>
                <c:manualLayout>
                  <c:x val="-4.3915823778055654E-2"/>
                  <c:y val="-4.62962962962962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A67-4E19-B442-2E6B49EA7E67}"/>
                </c:ext>
              </c:extLst>
            </c:dLbl>
            <c:dLbl>
              <c:idx val="3"/>
              <c:layout>
                <c:manualLayout>
                  <c:x val="-4.3915823778055654E-2"/>
                  <c:y val="-4.62962962962962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A67-4E19-B442-2E6B49EA7E67}"/>
                </c:ext>
              </c:extLst>
            </c:dLbl>
            <c:dLbl>
              <c:idx val="4"/>
              <c:layout>
                <c:manualLayout>
                  <c:x val="-5.317702910853838E-2"/>
                  <c:y val="-4.9625525279863809E-2"/>
                </c:manualLayout>
              </c:layout>
              <c:showLegendKey val="0"/>
              <c:showVal val="1"/>
              <c:showCatName val="0"/>
              <c:showSerName val="0"/>
              <c:showPercent val="0"/>
              <c:showBubbleSize val="0"/>
              <c:extLst>
                <c:ext xmlns:c15="http://schemas.microsoft.com/office/drawing/2012/chart" uri="{CE6537A1-D6FC-4f65-9D91-7224C49458BB}">
                  <c15:layout>
                    <c:manualLayout>
                      <c:w val="9.3723363982051208E-2"/>
                      <c:h val="9.1276071804890446E-2"/>
                    </c:manualLayout>
                  </c15:layout>
                </c:ext>
                <c:ext xmlns:c16="http://schemas.microsoft.com/office/drawing/2014/chart" uri="{C3380CC4-5D6E-409C-BE32-E72D297353CC}">
                  <c16:uniqueId val="{00000004-CA67-4E19-B442-2E6B49EA7E67}"/>
                </c:ext>
              </c:extLst>
            </c:dLbl>
            <c:dLbl>
              <c:idx val="5"/>
              <c:layout>
                <c:manualLayout>
                  <c:x val="-4.6355591765725498E-2"/>
                  <c:y val="-4.62962962962963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A67-4E19-B442-2E6B49EA7E67}"/>
                </c:ext>
              </c:extLst>
            </c:dLbl>
            <c:dLbl>
              <c:idx val="6"/>
              <c:layout>
                <c:manualLayout>
                  <c:x val="-4.3915823778055738E-2"/>
                  <c:y val="-5.09259259259259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CA67-4E19-B442-2E6B49EA7E67}"/>
                </c:ext>
              </c:extLst>
            </c:dLbl>
            <c:dLbl>
              <c:idx val="7"/>
              <c:layout>
                <c:manualLayout>
                  <c:x val="-4.6355591765725589E-2"/>
                  <c:y val="-4.16666666666666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CA67-4E19-B442-2E6B49EA7E67}"/>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7:$J$47</c:f>
              <c:numCache>
                <c:formatCode>#,##0_);[Red]\(#,##0\)</c:formatCode>
                <c:ptCount val="8"/>
                <c:pt idx="0">
                  <c:v>1262</c:v>
                </c:pt>
                <c:pt idx="1">
                  <c:v>1514</c:v>
                </c:pt>
                <c:pt idx="2">
                  <c:v>1541</c:v>
                </c:pt>
                <c:pt idx="3">
                  <c:v>1499</c:v>
                </c:pt>
                <c:pt idx="4">
                  <c:v>1504</c:v>
                </c:pt>
                <c:pt idx="5">
                  <c:v>1489</c:v>
                </c:pt>
                <c:pt idx="6">
                  <c:v>1418</c:v>
                </c:pt>
                <c:pt idx="7">
                  <c:v>1475</c:v>
                </c:pt>
              </c:numCache>
            </c:numRef>
          </c:val>
          <c:smooth val="0"/>
          <c:extLst>
            <c:ext xmlns:c16="http://schemas.microsoft.com/office/drawing/2014/chart" uri="{C3380CC4-5D6E-409C-BE32-E72D297353CC}">
              <c16:uniqueId val="{00000008-CA67-4E19-B442-2E6B49EA7E67}"/>
            </c:ext>
          </c:extLst>
        </c:ser>
        <c:ser>
          <c:idx val="1"/>
          <c:order val="1"/>
          <c:tx>
            <c:strRef>
              <c:f>Sheet1!$B$48</c:f>
              <c:strCache>
                <c:ptCount val="1"/>
                <c:pt idx="0">
                  <c:v>卸売業、小売業</c:v>
                </c:pt>
              </c:strCache>
            </c:strRef>
          </c:tx>
          <c:spPr>
            <a:ln w="22225" cap="rnd">
              <a:solidFill>
                <a:schemeClr val="accent2"/>
              </a:solidFill>
              <a:round/>
            </a:ln>
            <a:effectLst/>
          </c:spPr>
          <c:marker>
            <c:symbol val="square"/>
            <c:size val="6"/>
            <c:spPr>
              <a:solidFill>
                <a:schemeClr val="accent2"/>
              </a:solidFill>
              <a:ln w="9525">
                <a:solidFill>
                  <a:schemeClr val="accent2"/>
                </a:solidFill>
                <a:round/>
              </a:ln>
              <a:effectLst/>
            </c:spPr>
          </c:marker>
          <c:dLbls>
            <c:dLbl>
              <c:idx val="0"/>
              <c:layout>
                <c:manualLayout>
                  <c:x val="-3.9036287802716133E-2"/>
                  <c:y val="5.0925925925925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CA67-4E19-B442-2E6B49EA7E67}"/>
                </c:ext>
              </c:extLst>
            </c:dLbl>
            <c:dLbl>
              <c:idx val="1"/>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A67-4E19-B442-2E6B49EA7E67}"/>
                </c:ext>
              </c:extLst>
            </c:dLbl>
            <c:dLbl>
              <c:idx val="2"/>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CA67-4E19-B442-2E6B49EA7E67}"/>
                </c:ext>
              </c:extLst>
            </c:dLbl>
            <c:dLbl>
              <c:idx val="3"/>
              <c:layout>
                <c:manualLayout>
                  <c:x val="-5.1235127741064923E-2"/>
                  <c:y val="5.55555555555554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CA67-4E19-B442-2E6B49EA7E67}"/>
                </c:ext>
              </c:extLst>
            </c:dLbl>
            <c:dLbl>
              <c:idx val="4"/>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CA67-4E19-B442-2E6B49EA7E67}"/>
                </c:ext>
              </c:extLst>
            </c:dLbl>
            <c:dLbl>
              <c:idx val="5"/>
              <c:layout>
                <c:manualLayout>
                  <c:x val="-4.6355591765725498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CA67-4E19-B442-2E6B49EA7E67}"/>
                </c:ext>
              </c:extLst>
            </c:dLbl>
            <c:dLbl>
              <c:idx val="6"/>
              <c:layout>
                <c:manualLayout>
                  <c:x val="-4.3915823778055738E-2"/>
                  <c:y val="5.09259259259259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CA67-4E19-B442-2E6B49EA7E67}"/>
                </c:ext>
              </c:extLst>
            </c:dLbl>
            <c:dLbl>
              <c:idx val="7"/>
              <c:layout>
                <c:manualLayout>
                  <c:x val="-4.3915823778055654E-2"/>
                  <c:y val="5.55555555555555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CA67-4E19-B442-2E6B49EA7E67}"/>
                </c:ext>
              </c:extLst>
            </c:dLbl>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tx1">
                          <a:lumMod val="35000"/>
                          <a:lumOff val="65000"/>
                        </a:schemeClr>
                      </a:solidFill>
                    </a:ln>
                    <a:effectLst/>
                  </c:spPr>
                </c15:leaderLines>
              </c:ext>
            </c:extLst>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8:$J$48</c:f>
              <c:numCache>
                <c:formatCode>#,##0_);[Red]\(#,##0\)</c:formatCode>
                <c:ptCount val="8"/>
                <c:pt idx="0">
                  <c:v>825</c:v>
                </c:pt>
                <c:pt idx="1">
                  <c:v>1034</c:v>
                </c:pt>
                <c:pt idx="2">
                  <c:v>1108</c:v>
                </c:pt>
                <c:pt idx="3">
                  <c:v>1110</c:v>
                </c:pt>
                <c:pt idx="4">
                  <c:v>1180</c:v>
                </c:pt>
                <c:pt idx="5">
                  <c:v>1128</c:v>
                </c:pt>
                <c:pt idx="6">
                  <c:v>1081</c:v>
                </c:pt>
                <c:pt idx="7">
                  <c:v>1169</c:v>
                </c:pt>
              </c:numCache>
            </c:numRef>
          </c:val>
          <c:smooth val="0"/>
          <c:extLst>
            <c:ext xmlns:c16="http://schemas.microsoft.com/office/drawing/2014/chart" uri="{C3380CC4-5D6E-409C-BE32-E72D297353CC}">
              <c16:uniqueId val="{00000011-CA67-4E19-B442-2E6B49EA7E67}"/>
            </c:ext>
          </c:extLst>
        </c:ser>
        <c:ser>
          <c:idx val="2"/>
          <c:order val="2"/>
          <c:tx>
            <c:strRef>
              <c:f>Sheet1!$B$49</c:f>
              <c:strCache>
                <c:ptCount val="1"/>
                <c:pt idx="0">
                  <c:v>学術研修、専門・技術サービス業</c:v>
                </c:pt>
              </c:strCache>
            </c:strRef>
          </c:tx>
          <c:spPr>
            <a:ln w="22225" cap="rnd">
              <a:solidFill>
                <a:schemeClr val="accent3"/>
              </a:solidFill>
              <a:round/>
            </a:ln>
            <a:effectLst/>
          </c:spPr>
          <c:marker>
            <c:symbol val="triangle"/>
            <c:size val="6"/>
            <c:spPr>
              <a:solidFill>
                <a:schemeClr val="accent3"/>
              </a:solidFill>
              <a:ln w="9525">
                <a:solidFill>
                  <a:schemeClr val="accent3"/>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49:$J$49</c:f>
              <c:numCache>
                <c:formatCode>#,##0_);[Red]\(#,##0\)</c:formatCode>
                <c:ptCount val="8"/>
                <c:pt idx="0">
                  <c:v>80</c:v>
                </c:pt>
                <c:pt idx="1">
                  <c:v>105</c:v>
                </c:pt>
                <c:pt idx="2">
                  <c:v>113</c:v>
                </c:pt>
                <c:pt idx="3">
                  <c:v>116</c:v>
                </c:pt>
                <c:pt idx="4">
                  <c:v>132</c:v>
                </c:pt>
                <c:pt idx="5">
                  <c:v>135</c:v>
                </c:pt>
                <c:pt idx="6">
                  <c:v>134</c:v>
                </c:pt>
                <c:pt idx="7">
                  <c:v>150</c:v>
                </c:pt>
              </c:numCache>
            </c:numRef>
          </c:val>
          <c:smooth val="0"/>
          <c:extLst>
            <c:ext xmlns:c16="http://schemas.microsoft.com/office/drawing/2014/chart" uri="{C3380CC4-5D6E-409C-BE32-E72D297353CC}">
              <c16:uniqueId val="{00000012-CA67-4E19-B442-2E6B49EA7E67}"/>
            </c:ext>
          </c:extLst>
        </c:ser>
        <c:ser>
          <c:idx val="3"/>
          <c:order val="3"/>
          <c:tx>
            <c:strRef>
              <c:f>Sheet1!$B$50</c:f>
              <c:strCache>
                <c:ptCount val="1"/>
                <c:pt idx="0">
                  <c:v>運輸業、郵便業</c:v>
                </c:pt>
              </c:strCache>
            </c:strRef>
          </c:tx>
          <c:spPr>
            <a:ln w="22225" cap="rnd">
              <a:solidFill>
                <a:schemeClr val="accent4"/>
              </a:solidFill>
              <a:round/>
            </a:ln>
            <a:effectLst/>
          </c:spPr>
          <c:marker>
            <c:symbol val="x"/>
            <c:size val="6"/>
            <c:spPr>
              <a:noFill/>
              <a:ln w="9525">
                <a:solidFill>
                  <a:schemeClr val="accent4"/>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50:$J$50</c:f>
              <c:numCache>
                <c:formatCode>#,##0_);[Red]\(#,##0\)</c:formatCode>
                <c:ptCount val="8"/>
                <c:pt idx="0">
                  <c:v>77</c:v>
                </c:pt>
                <c:pt idx="1">
                  <c:v>98</c:v>
                </c:pt>
                <c:pt idx="2">
                  <c:v>111</c:v>
                </c:pt>
                <c:pt idx="3">
                  <c:v>111</c:v>
                </c:pt>
                <c:pt idx="4">
                  <c:v>120</c:v>
                </c:pt>
                <c:pt idx="5">
                  <c:v>123</c:v>
                </c:pt>
                <c:pt idx="6">
                  <c:v>110</c:v>
                </c:pt>
                <c:pt idx="7">
                  <c:v>118</c:v>
                </c:pt>
              </c:numCache>
            </c:numRef>
          </c:val>
          <c:smooth val="0"/>
          <c:extLst>
            <c:ext xmlns:c16="http://schemas.microsoft.com/office/drawing/2014/chart" uri="{C3380CC4-5D6E-409C-BE32-E72D297353CC}">
              <c16:uniqueId val="{00000013-CA67-4E19-B442-2E6B49EA7E67}"/>
            </c:ext>
          </c:extLst>
        </c:ser>
        <c:ser>
          <c:idx val="4"/>
          <c:order val="4"/>
          <c:tx>
            <c:strRef>
              <c:f>Sheet1!$B$51</c:f>
              <c:strCache>
                <c:ptCount val="1"/>
                <c:pt idx="0">
                  <c:v>建設業</c:v>
                </c:pt>
              </c:strCache>
            </c:strRef>
          </c:tx>
          <c:spPr>
            <a:ln w="22225" cap="rnd">
              <a:solidFill>
                <a:schemeClr val="accent5"/>
              </a:solidFill>
              <a:round/>
            </a:ln>
            <a:effectLst/>
          </c:spPr>
          <c:marker>
            <c:symbol val="star"/>
            <c:size val="6"/>
            <c:spPr>
              <a:noFill/>
              <a:ln w="9525">
                <a:solidFill>
                  <a:schemeClr val="accent5"/>
                </a:solidFill>
                <a:round/>
              </a:ln>
              <a:effectLst/>
            </c:spPr>
          </c:marker>
          <c:dLbls>
            <c:delete val="1"/>
          </c:dLbls>
          <c:cat>
            <c:strRef>
              <c:f>Sheet1!$C$46:$J$46</c:f>
              <c:strCache>
                <c:ptCount val="8"/>
                <c:pt idx="0">
                  <c:v>2011年</c:v>
                </c:pt>
                <c:pt idx="1">
                  <c:v>2012年</c:v>
                </c:pt>
                <c:pt idx="2">
                  <c:v>2013年</c:v>
                </c:pt>
                <c:pt idx="3">
                  <c:v>2014年</c:v>
                </c:pt>
                <c:pt idx="4">
                  <c:v>2015年</c:v>
                </c:pt>
                <c:pt idx="5">
                  <c:v>2016年</c:v>
                </c:pt>
                <c:pt idx="6">
                  <c:v>2017年</c:v>
                </c:pt>
                <c:pt idx="7">
                  <c:v>2018年</c:v>
                </c:pt>
              </c:strCache>
            </c:strRef>
          </c:cat>
          <c:val>
            <c:numRef>
              <c:f>Sheet1!$C$51:$J$51</c:f>
              <c:numCache>
                <c:formatCode>#,##0_);[Red]\(#,##0\)</c:formatCode>
                <c:ptCount val="8"/>
                <c:pt idx="0">
                  <c:v>28</c:v>
                </c:pt>
                <c:pt idx="1">
                  <c:v>52</c:v>
                </c:pt>
                <c:pt idx="2">
                  <c:v>52</c:v>
                </c:pt>
                <c:pt idx="3">
                  <c:v>52</c:v>
                </c:pt>
                <c:pt idx="4">
                  <c:v>58</c:v>
                </c:pt>
                <c:pt idx="5">
                  <c:v>57</c:v>
                </c:pt>
                <c:pt idx="6">
                  <c:v>56</c:v>
                </c:pt>
                <c:pt idx="7">
                  <c:v>52</c:v>
                </c:pt>
              </c:numCache>
            </c:numRef>
          </c:val>
          <c:smooth val="0"/>
          <c:extLst>
            <c:ext xmlns:c16="http://schemas.microsoft.com/office/drawing/2014/chart" uri="{C3380CC4-5D6E-409C-BE32-E72D297353CC}">
              <c16:uniqueId val="{00000014-CA67-4E19-B442-2E6B49EA7E67}"/>
            </c:ext>
          </c:extLst>
        </c:ser>
        <c:dLbls>
          <c:showLegendKey val="0"/>
          <c:showVal val="1"/>
          <c:showCatName val="0"/>
          <c:showSerName val="0"/>
          <c:showPercent val="0"/>
          <c:showBubbleSize val="0"/>
        </c:dLbls>
        <c:marker val="1"/>
        <c:smooth val="0"/>
        <c:axId val="636232464"/>
        <c:axId val="636226640"/>
      </c:lineChart>
      <c:catAx>
        <c:axId val="636232464"/>
        <c:scaling>
          <c:orientation val="minMax"/>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cap="all" spc="120" normalizeH="0" baseline="0">
                <a:solidFill>
                  <a:schemeClr val="tx1"/>
                </a:solidFill>
                <a:latin typeface="+mn-lt"/>
                <a:ea typeface="+mn-ea"/>
                <a:cs typeface="+mn-cs"/>
              </a:defRPr>
            </a:pPr>
            <a:endParaRPr lang="ja-JP"/>
          </a:p>
        </c:txPr>
        <c:crossAx val="636226640"/>
        <c:crosses val="autoZero"/>
        <c:auto val="1"/>
        <c:lblAlgn val="ctr"/>
        <c:lblOffset val="100"/>
        <c:noMultiLvlLbl val="0"/>
      </c:catAx>
      <c:valAx>
        <c:axId val="636226640"/>
        <c:scaling>
          <c:orientation val="minMax"/>
        </c:scaling>
        <c:delete val="0"/>
        <c:axPos val="l"/>
        <c:numFmt formatCode="#,##0_);[Red]\(#,##0\)"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636232464"/>
        <c:crosses val="autoZero"/>
        <c:crossBetween val="between"/>
      </c:valAx>
      <c:spPr>
        <a:noFill/>
        <a:ln>
          <a:noFill/>
        </a:ln>
        <a:effectLst/>
      </c:spPr>
    </c:plotArea>
    <c:legend>
      <c:legendPos val="t"/>
      <c:layout>
        <c:manualLayout>
          <c:xMode val="edge"/>
          <c:yMode val="edge"/>
          <c:x val="7.9190283605501302E-2"/>
          <c:y val="0.13909962289313579"/>
          <c:w val="0.91764262749144399"/>
          <c:h val="0.22743219597550307"/>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solidFill>
            <a:schemeClr val="tx1"/>
          </a:solidFill>
        </a:defRPr>
      </a:pPr>
      <a:endParaRPr lang="ja-JP"/>
    </a:p>
  </c:txPr>
  <c:externalData r:id="rId3">
    <c:autoUpdate val="0"/>
  </c:externalData>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4.8651128927386933E-2"/>
          <c:y val="6.2418675469527223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1"/>
            <c:invertIfNegative val="0"/>
            <c:bubble3D val="0"/>
            <c:spPr>
              <a:pattFill prst="ltUpDiag">
                <a:fgClr>
                  <a:srgbClr val="FF0000"/>
                </a:fgClr>
                <a:bgClr>
                  <a:schemeClr val="bg1"/>
                </a:bgClr>
              </a:pattFill>
              <a:ln w="19050">
                <a:solidFill>
                  <a:schemeClr val="tx1"/>
                </a:solidFill>
              </a:ln>
            </c:spPr>
            <c:extLst>
              <c:ext xmlns:c16="http://schemas.microsoft.com/office/drawing/2014/chart" uri="{C3380CC4-5D6E-409C-BE32-E72D297353CC}">
                <c16:uniqueId val="{00000007-5DC3-42DB-A930-99217006831A}"/>
              </c:ext>
            </c:extLst>
          </c:dPt>
          <c:dPt>
            <c:idx val="2"/>
            <c:invertIfNegative val="0"/>
            <c:bubble3D val="0"/>
            <c:spPr>
              <a:solidFill>
                <a:srgbClr val="00B0F0"/>
              </a:solidFill>
              <a:ln w="12700">
                <a:solidFill>
                  <a:schemeClr val="tx1"/>
                </a:solidFill>
              </a:ln>
            </c:spPr>
            <c:extLst>
              <c:ext xmlns:c16="http://schemas.microsoft.com/office/drawing/2014/chart" uri="{C3380CC4-5D6E-409C-BE32-E72D297353CC}">
                <c16:uniqueId val="{00000001-CFA7-42A1-8DC4-73E75DC5873C}"/>
              </c:ext>
            </c:extLst>
          </c:dPt>
          <c:dPt>
            <c:idx val="4"/>
            <c:invertIfNegative val="0"/>
            <c:bubble3D val="0"/>
            <c:extLst>
              <c:ext xmlns:c16="http://schemas.microsoft.com/office/drawing/2014/chart" uri="{C3380CC4-5D6E-409C-BE32-E72D297353CC}">
                <c16:uniqueId val="{00000002-CFA7-42A1-8DC4-73E75DC5873C}"/>
              </c:ext>
            </c:extLst>
          </c:dPt>
          <c:dPt>
            <c:idx val="5"/>
            <c:invertIfNegative val="0"/>
            <c:bubble3D val="0"/>
            <c:spPr>
              <a:pattFill prst="ltDnDiag">
                <a:fgClr>
                  <a:srgbClr val="00B050"/>
                </a:fgClr>
                <a:bgClr>
                  <a:schemeClr val="bg1"/>
                </a:bgClr>
              </a:pattFill>
              <a:ln>
                <a:solidFill>
                  <a:schemeClr val="tx1"/>
                </a:solidFill>
              </a:ln>
            </c:spPr>
            <c:extLst>
              <c:ext xmlns:c16="http://schemas.microsoft.com/office/drawing/2014/chart" uri="{C3380CC4-5D6E-409C-BE32-E72D297353CC}">
                <c16:uniqueId val="{00000004-CFA7-42A1-8DC4-73E75DC5873C}"/>
              </c:ext>
            </c:extLst>
          </c:dPt>
          <c:dPt>
            <c:idx val="7"/>
            <c:invertIfNegative val="0"/>
            <c:bubble3D val="0"/>
            <c:spPr>
              <a:pattFill prst="sphere">
                <a:fgClr>
                  <a:srgbClr val="FFFF00"/>
                </a:fgClr>
                <a:bgClr>
                  <a:schemeClr val="bg1"/>
                </a:bgClr>
              </a:pattFill>
              <a:ln w="19050">
                <a:solidFill>
                  <a:schemeClr val="tx1"/>
                </a:solidFill>
              </a:ln>
            </c:spPr>
            <c:extLst>
              <c:ext xmlns:c16="http://schemas.microsoft.com/office/drawing/2014/chart" uri="{C3380CC4-5D6E-409C-BE32-E72D297353CC}">
                <c16:uniqueId val="{00000006-CFA7-42A1-8DC4-73E75DC5873C}"/>
              </c:ext>
            </c:extLst>
          </c:dPt>
          <c:cat>
            <c:strRef>
              <c:f>Sheet1!$A$2:$A$10</c:f>
              <c:strCache>
                <c:ptCount val="9"/>
                <c:pt idx="0">
                  <c:v>ドイツ</c:v>
                </c:pt>
                <c:pt idx="1">
                  <c:v>日本</c:v>
                </c:pt>
                <c:pt idx="2">
                  <c:v>フランス</c:v>
                </c:pt>
                <c:pt idx="3">
                  <c:v>アメリカ</c:v>
                </c:pt>
                <c:pt idx="4">
                  <c:v>カナダ</c:v>
                </c:pt>
                <c:pt idx="5">
                  <c:v>国家戦略特区</c:v>
                </c:pt>
                <c:pt idx="6">
                  <c:v>イタリア</c:v>
                </c:pt>
                <c:pt idx="7">
                  <c:v>大阪の成長特区</c:v>
                </c:pt>
                <c:pt idx="8">
                  <c:v>イギリス</c:v>
                </c:pt>
              </c:strCache>
            </c:strRef>
          </c:cat>
          <c:val>
            <c:numRef>
              <c:f>Sheet1!$B$2:$B$10</c:f>
              <c:numCache>
                <c:formatCode>General</c:formatCode>
                <c:ptCount val="9"/>
                <c:pt idx="0">
                  <c:v>29.9</c:v>
                </c:pt>
                <c:pt idx="1">
                  <c:v>29.74</c:v>
                </c:pt>
                <c:pt idx="2">
                  <c:v>28</c:v>
                </c:pt>
                <c:pt idx="3">
                  <c:v>27.98</c:v>
                </c:pt>
                <c:pt idx="4">
                  <c:v>26.5</c:v>
                </c:pt>
                <c:pt idx="5">
                  <c:v>24.49</c:v>
                </c:pt>
                <c:pt idx="6">
                  <c:v>24</c:v>
                </c:pt>
                <c:pt idx="7">
                  <c:v>22.49</c:v>
                </c:pt>
                <c:pt idx="8">
                  <c:v>19</c:v>
                </c:pt>
              </c:numCache>
            </c:numRef>
          </c:val>
          <c:extLst>
            <c:ext xmlns:c16="http://schemas.microsoft.com/office/drawing/2014/chart" uri="{C3380CC4-5D6E-409C-BE32-E72D297353CC}">
              <c16:uniqueId val="{00000007-CFA7-42A1-8DC4-73E75DC5873C}"/>
            </c:ext>
          </c:extLst>
        </c:ser>
        <c:dLbls>
          <c:showLegendKey val="0"/>
          <c:showVal val="0"/>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max val="35"/>
        </c:scaling>
        <c:delete val="0"/>
        <c:axPos val="l"/>
        <c:majorGridlines/>
        <c:numFmt formatCode="General" sourceLinked="1"/>
        <c:majorTickMark val="out"/>
        <c:minorTickMark val="none"/>
        <c:tickLblPos val="nextTo"/>
        <c:crossAx val="223541248"/>
        <c:crosses val="autoZero"/>
        <c:crossBetween val="between"/>
      </c:valAx>
      <c:spPr>
        <a:noFill/>
        <a:ln w="25395">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A$10</c:f>
              <c:strCache>
                <c:ptCount val="1"/>
                <c:pt idx="0">
                  <c:v>その他</c:v>
                </c:pt>
              </c:strCache>
            </c:strRef>
          </c:tx>
          <c:spPr>
            <a:pattFill prst="narVert">
              <a:fgClr>
                <a:srgbClr val="92D05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10:$J$10</c:f>
              <c:numCache>
                <c:formatCode>#,##0_);[Red]\(#,##0\)</c:formatCode>
                <c:ptCount val="9"/>
                <c:pt idx="0">
                  <c:v>328</c:v>
                </c:pt>
                <c:pt idx="1">
                  <c:v>319</c:v>
                </c:pt>
                <c:pt idx="2">
                  <c:v>313</c:v>
                </c:pt>
                <c:pt idx="3">
                  <c:v>319</c:v>
                </c:pt>
                <c:pt idx="4">
                  <c:v>324</c:v>
                </c:pt>
                <c:pt idx="5">
                  <c:v>313</c:v>
                </c:pt>
                <c:pt idx="6">
                  <c:v>309</c:v>
                </c:pt>
                <c:pt idx="7">
                  <c:v>311</c:v>
                </c:pt>
                <c:pt idx="8">
                  <c:v>274</c:v>
                </c:pt>
              </c:numCache>
            </c:numRef>
          </c:val>
          <c:extLst>
            <c:ext xmlns:c16="http://schemas.microsoft.com/office/drawing/2014/chart" uri="{C3380CC4-5D6E-409C-BE32-E72D297353CC}">
              <c16:uniqueId val="{00000000-E889-4468-858E-3A24CBE960A3}"/>
            </c:ext>
          </c:extLst>
        </c:ser>
        <c:ser>
          <c:idx val="1"/>
          <c:order val="1"/>
          <c:tx>
            <c:strRef>
              <c:f>Sheet1!$A$9</c:f>
              <c:strCache>
                <c:ptCount val="1"/>
                <c:pt idx="0">
                  <c:v>愛知県</c:v>
                </c:pt>
              </c:strCache>
            </c:strRef>
          </c:tx>
          <c:spPr>
            <a:pattFill prst="pct20">
              <a:fgClr>
                <a:srgbClr val="FFC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9:$J$9</c:f>
              <c:numCache>
                <c:formatCode>#,##0_);[Red]\(#,##0\)</c:formatCode>
                <c:ptCount val="9"/>
                <c:pt idx="0">
                  <c:v>37</c:v>
                </c:pt>
                <c:pt idx="1">
                  <c:v>36</c:v>
                </c:pt>
                <c:pt idx="2">
                  <c:v>33</c:v>
                </c:pt>
                <c:pt idx="3">
                  <c:v>30</c:v>
                </c:pt>
                <c:pt idx="4">
                  <c:v>33</c:v>
                </c:pt>
                <c:pt idx="5">
                  <c:v>35</c:v>
                </c:pt>
                <c:pt idx="6">
                  <c:v>38</c:v>
                </c:pt>
                <c:pt idx="7">
                  <c:v>46</c:v>
                </c:pt>
                <c:pt idx="8">
                  <c:v>49</c:v>
                </c:pt>
              </c:numCache>
            </c:numRef>
          </c:val>
          <c:extLst>
            <c:ext xmlns:c16="http://schemas.microsoft.com/office/drawing/2014/chart" uri="{C3380CC4-5D6E-409C-BE32-E72D297353CC}">
              <c16:uniqueId val="{00000001-E889-4468-858E-3A24CBE960A3}"/>
            </c:ext>
          </c:extLst>
        </c:ser>
        <c:ser>
          <c:idx val="2"/>
          <c:order val="2"/>
          <c:tx>
            <c:strRef>
              <c:f>Sheet1!$A$8</c:f>
              <c:strCache>
                <c:ptCount val="1"/>
                <c:pt idx="0">
                  <c:v>神奈川県</c:v>
                </c:pt>
              </c:strCache>
            </c:strRef>
          </c:tx>
          <c:spPr>
            <a:solidFill>
              <a:schemeClr val="accent1">
                <a:lumMod val="20000"/>
                <a:lumOff val="80000"/>
              </a:schemeClr>
            </a:solid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8:$J$8</c:f>
              <c:numCache>
                <c:formatCode>#,##0_);[Red]\(#,##0\)</c:formatCode>
                <c:ptCount val="9"/>
                <c:pt idx="0">
                  <c:v>267</c:v>
                </c:pt>
                <c:pt idx="1">
                  <c:v>277</c:v>
                </c:pt>
                <c:pt idx="2">
                  <c:v>267</c:v>
                </c:pt>
                <c:pt idx="3">
                  <c:v>263</c:v>
                </c:pt>
                <c:pt idx="4">
                  <c:v>267</c:v>
                </c:pt>
                <c:pt idx="5">
                  <c:v>268</c:v>
                </c:pt>
                <c:pt idx="6">
                  <c:v>278</c:v>
                </c:pt>
                <c:pt idx="7">
                  <c:v>288</c:v>
                </c:pt>
                <c:pt idx="8">
                  <c:v>299</c:v>
                </c:pt>
              </c:numCache>
            </c:numRef>
          </c:val>
          <c:extLst>
            <c:ext xmlns:c16="http://schemas.microsoft.com/office/drawing/2014/chart" uri="{C3380CC4-5D6E-409C-BE32-E72D297353CC}">
              <c16:uniqueId val="{00000002-E889-4468-858E-3A24CBE960A3}"/>
            </c:ext>
          </c:extLst>
        </c:ser>
        <c:ser>
          <c:idx val="3"/>
          <c:order val="3"/>
          <c:tx>
            <c:strRef>
              <c:f>Sheet1!$A$7</c:f>
              <c:strCache>
                <c:ptCount val="1"/>
                <c:pt idx="0">
                  <c:v>東京都</c:v>
                </c:pt>
              </c:strCache>
            </c:strRef>
          </c:tx>
          <c:spPr>
            <a:pattFill prst="ltUpDiag">
              <a:fgClr>
                <a:srgbClr val="FF0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7:$J$7</c:f>
              <c:numCache>
                <c:formatCode>#,##0_);[Red]\(#,##0\)</c:formatCode>
                <c:ptCount val="9"/>
                <c:pt idx="0">
                  <c:v>2346</c:v>
                </c:pt>
                <c:pt idx="1">
                  <c:v>2331</c:v>
                </c:pt>
                <c:pt idx="2">
                  <c:v>2371</c:v>
                </c:pt>
                <c:pt idx="3">
                  <c:v>2376</c:v>
                </c:pt>
                <c:pt idx="4">
                  <c:v>2378</c:v>
                </c:pt>
                <c:pt idx="5">
                  <c:v>2419</c:v>
                </c:pt>
                <c:pt idx="6">
                  <c:v>2422</c:v>
                </c:pt>
                <c:pt idx="7">
                  <c:v>2434</c:v>
                </c:pt>
                <c:pt idx="8">
                  <c:v>2428</c:v>
                </c:pt>
              </c:numCache>
            </c:numRef>
          </c:val>
          <c:extLst>
            <c:ext xmlns:c16="http://schemas.microsoft.com/office/drawing/2014/chart" uri="{C3380CC4-5D6E-409C-BE32-E72D297353CC}">
              <c16:uniqueId val="{00000003-E889-4468-858E-3A24CBE960A3}"/>
            </c:ext>
          </c:extLst>
        </c:ser>
        <c:ser>
          <c:idx val="4"/>
          <c:order val="4"/>
          <c:tx>
            <c:strRef>
              <c:f>Sheet1!$A$6</c:f>
              <c:strCache>
                <c:ptCount val="1"/>
                <c:pt idx="0">
                  <c:v>大阪府</c:v>
                </c:pt>
              </c:strCache>
            </c:strRef>
          </c:tx>
          <c:spPr>
            <a:solidFill>
              <a:schemeClr val="accent5"/>
            </a:solidFill>
            <a:ln>
              <a:noFill/>
            </a:ln>
            <a:effectLst/>
          </c:spPr>
          <c:invertIfNegative val="0"/>
          <c:dLbls>
            <c:dLbl>
              <c:idx val="0"/>
              <c:layout>
                <c:manualLayout>
                  <c:x val="-1.3088501345378732E-17"/>
                  <c:y val="-3.256993153868268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889-4468-858E-3A24CBE960A3}"/>
                </c:ext>
              </c:extLst>
            </c:dLbl>
            <c:dLbl>
              <c:idx val="1"/>
              <c:layout>
                <c:manualLayout>
                  <c:x val="4.2835590146824629E-3"/>
                  <c:y val="-3.545590736102392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889-4468-858E-3A24CBE960A3}"/>
                </c:ext>
              </c:extLst>
            </c:dLbl>
            <c:dLbl>
              <c:idx val="2"/>
              <c:layout>
                <c:manualLayout>
                  <c:x val="0"/>
                  <c:y val="-4.574707156824384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889-4468-858E-3A24CBE960A3}"/>
                </c:ext>
              </c:extLst>
            </c:dLbl>
            <c:dLbl>
              <c:idx val="3"/>
              <c:layout>
                <c:manualLayout>
                  <c:x val="-4.2835590146825409E-3"/>
                  <c:y val="-4.248445187912148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889-4468-858E-3A24CBE960A3}"/>
                </c:ext>
              </c:extLst>
            </c:dLbl>
            <c:dLbl>
              <c:idx val="4"/>
              <c:layout>
                <c:manualLayout>
                  <c:x val="2.8557060097883259E-3"/>
                  <c:y val="-3.972410965217992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889-4468-858E-3A24CBE960A3}"/>
                </c:ext>
              </c:extLst>
            </c:dLbl>
            <c:dLbl>
              <c:idx val="5"/>
              <c:layout>
                <c:manualLayout>
                  <c:x val="-2.8557060097883259E-3"/>
                  <c:y val="-3.21932876719015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889-4468-858E-3A24CBE960A3}"/>
                </c:ext>
              </c:extLst>
            </c:dLbl>
            <c:dLbl>
              <c:idx val="6"/>
              <c:layout>
                <c:manualLayout>
                  <c:x val="0"/>
                  <c:y val="-2.830224308636269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889-4468-858E-3A24CBE960A3}"/>
                </c:ext>
              </c:extLst>
            </c:dLbl>
            <c:dLbl>
              <c:idx val="7"/>
              <c:layout>
                <c:manualLayout>
                  <c:x val="-4.2835590146825938E-3"/>
                  <c:y val="-4.173039338730526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889-4468-858E-3A24CBE960A3}"/>
                </c:ext>
              </c:extLst>
            </c:dLbl>
            <c:dLbl>
              <c:idx val="8"/>
              <c:layout>
                <c:manualLayout>
                  <c:x val="1.427853004894163E-3"/>
                  <c:y val="-4.210755109292235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889-4468-858E-3A24CBE960A3}"/>
                </c:ext>
              </c:extLst>
            </c:dLbl>
            <c:spPr>
              <a:noFill/>
              <a:ln>
                <a:noFill/>
              </a:ln>
              <a:effectLst/>
            </c:spPr>
            <c:txPr>
              <a:bodyPr rot="0" spcFirstLastPara="1" vertOverflow="ellipsis" vert="horz" wrap="square" anchor="ctr" anchorCtr="1"/>
              <a:lstStyle/>
              <a:p>
                <a:pPr>
                  <a:defRPr sz="10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J$5</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B$6:$J$6</c:f>
              <c:numCache>
                <c:formatCode>#,##0_);[Red]\(#,##0\)</c:formatCode>
                <c:ptCount val="9"/>
                <c:pt idx="0">
                  <c:v>120</c:v>
                </c:pt>
                <c:pt idx="1">
                  <c:v>123</c:v>
                </c:pt>
                <c:pt idx="2">
                  <c:v>119</c:v>
                </c:pt>
                <c:pt idx="3">
                  <c:v>119</c:v>
                </c:pt>
                <c:pt idx="4">
                  <c:v>115</c:v>
                </c:pt>
                <c:pt idx="5">
                  <c:v>123</c:v>
                </c:pt>
                <c:pt idx="6">
                  <c:v>128</c:v>
                </c:pt>
                <c:pt idx="7">
                  <c:v>125</c:v>
                </c:pt>
                <c:pt idx="8">
                  <c:v>122</c:v>
                </c:pt>
              </c:numCache>
            </c:numRef>
          </c:val>
          <c:extLst>
            <c:ext xmlns:c16="http://schemas.microsoft.com/office/drawing/2014/chart" uri="{C3380CC4-5D6E-409C-BE32-E72D297353CC}">
              <c16:uniqueId val="{00000004-E889-4468-858E-3A24CBE960A3}"/>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1204520512"/>
        <c:crosses val="autoZero"/>
        <c:crossBetween val="between"/>
      </c:valAx>
      <c:spPr>
        <a:noFill/>
        <a:ln>
          <a:noFill/>
        </a:ln>
        <a:effectLst/>
      </c:spPr>
    </c:plotArea>
    <c:legend>
      <c:legendPos val="r"/>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sz="1000"/>
      </a:pPr>
      <a:endParaRPr lang="ja-JP"/>
    </a:p>
  </c:txPr>
  <c:externalData r:id="rId3">
    <c:autoUpdate val="0"/>
  </c:externalData>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0"/>
              <c:layout>
                <c:manualLayout>
                  <c:x val="1.4223330024262602E-3"/>
                  <c:y val="4.744616354804652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7C0F-46B8-AEEA-409F9CF7CC5C}"/>
                </c:ext>
              </c:extLst>
            </c:dLbl>
            <c:dLbl>
              <c:idx val="1"/>
              <c:layout>
                <c:manualLayout>
                  <c:x val="1.422333002426240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7C0F-46B8-AEEA-409F9CF7CC5C}"/>
                </c:ext>
              </c:extLst>
            </c:dLbl>
            <c:dLbl>
              <c:idx val="2"/>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7C0F-46B8-AEEA-409F9CF7CC5C}"/>
                </c:ext>
              </c:extLst>
            </c:dLbl>
            <c:dLbl>
              <c:idx val="3"/>
              <c:layout>
                <c:manualLayout>
                  <c:x val="1.4223330024262276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C0F-46B8-AEEA-409F9CF7CC5C}"/>
                </c:ext>
              </c:extLst>
            </c:dLbl>
            <c:dLbl>
              <c:idx val="4"/>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C0F-46B8-AEEA-409F9CF7CC5C}"/>
                </c:ext>
              </c:extLst>
            </c:dLbl>
            <c:dLbl>
              <c:idx val="5"/>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C0F-46B8-AEEA-409F9CF7CC5C}"/>
                </c:ext>
              </c:extLst>
            </c:dLbl>
            <c:dLbl>
              <c:idx val="6"/>
              <c:layout>
                <c:manualLayout>
                  <c:x val="1.4223330024262537E-3"/>
                  <c:y val="9.489232709609305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C0F-46B8-AEEA-409F9CF7CC5C}"/>
                </c:ext>
              </c:extLst>
            </c:dLbl>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516-40BC-9133-FF2B71DEF0DC}"/>
                </c:ext>
              </c:extLst>
            </c:dLbl>
            <c:dLbl>
              <c:idx val="8"/>
              <c:layout>
                <c:manualLayout>
                  <c:x val="1.4223330024262016E-3"/>
                  <c:y val="1.8978465419218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C0F-46B8-AEEA-409F9CF7CC5C}"/>
                </c:ext>
              </c:extLst>
            </c:dLbl>
            <c:dLbl>
              <c:idx val="9"/>
              <c:layout>
                <c:manualLayout>
                  <c:x val="0"/>
                  <c:y val="6.642462896726504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C0F-46B8-AEEA-409F9CF7CC5C}"/>
                </c:ext>
              </c:extLst>
            </c:dLbl>
            <c:dLbl>
              <c:idx val="10"/>
              <c:layout>
                <c:manualLayout>
                  <c:x val="1.4223330024261494E-3"/>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C0F-46B8-AEEA-409F9CF7CC5C}"/>
                </c:ext>
              </c:extLst>
            </c:dLbl>
            <c:dLbl>
              <c:idx val="11"/>
              <c:layout>
                <c:manualLayout>
                  <c:x val="1.4223330024262537E-3"/>
                  <c:y val="1.897846541921852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C0F-46B8-AEEA-409F9CF7CC5C}"/>
                </c:ext>
              </c:extLst>
            </c:dLbl>
            <c:dLbl>
              <c:idx val="12"/>
              <c:layout>
                <c:manualLayout>
                  <c:x val="1.4223330024262537E-3"/>
                  <c:y val="2.372308177402326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C0F-46B8-AEEA-409F9CF7CC5C}"/>
                </c:ext>
              </c:extLst>
            </c:dLbl>
            <c:dLbl>
              <c:idx val="13"/>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C0F-46B8-AEEA-409F9CF7CC5C}"/>
                </c:ext>
              </c:extLst>
            </c:dLbl>
            <c:dLbl>
              <c:idx val="14"/>
              <c:layout>
                <c:manualLayout>
                  <c:x val="1.4223330024261494E-3"/>
                  <c:y val="2.37230817740232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C0F-46B8-AEEA-409F9CF7CC5C}"/>
                </c:ext>
              </c:extLst>
            </c:dLbl>
            <c:dLbl>
              <c:idx val="15"/>
              <c:layout>
                <c:manualLayout>
                  <c:x val="1.0430321525828207E-16"/>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C0F-46B8-AEEA-409F9CF7CC5C}"/>
                </c:ext>
              </c:extLst>
            </c:dLbl>
            <c:dLbl>
              <c:idx val="16"/>
              <c:layout>
                <c:manualLayout>
                  <c:x val="2.8446660048524032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7C0F-46B8-AEEA-409F9CF7CC5C}"/>
                </c:ext>
              </c:extLst>
            </c:dLbl>
            <c:dLbl>
              <c:idx val="17"/>
              <c:layout>
                <c:manualLayout>
                  <c:x val="1.4223330024262537E-3"/>
                  <c:y val="1.42338490644139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7C0F-46B8-AEEA-409F9CF7CC5C}"/>
                </c:ext>
              </c:extLst>
            </c:dLbl>
            <c:dLbl>
              <c:idx val="18"/>
              <c:layout>
                <c:manualLayout>
                  <c:x val="-1.4223330024264623E-3"/>
                  <c:y val="9.489232709609262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7C0F-46B8-AEEA-409F9CF7CC5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U$4</c:f>
              <c:strCache>
                <c:ptCount val="19"/>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strCache>
            </c:strRef>
          </c:cat>
          <c:val>
            <c:numRef>
              <c:f>'Sheet1 (3)'!$C$5:$U$5</c:f>
              <c:numCache>
                <c:formatCode>General</c:formatCode>
                <c:ptCount val="19"/>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pt idx="18">
                  <c:v>35</c:v>
                </c:pt>
              </c:numCache>
            </c:numRef>
          </c:val>
          <c:extLst>
            <c:ext xmlns:c16="http://schemas.microsoft.com/office/drawing/2014/chart" uri="{C3380CC4-5D6E-409C-BE32-E72D297353CC}">
              <c16:uniqueId val="{00000001-E516-40BC-9133-FF2B71DEF0DC}"/>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516-40BC-9133-FF2B71DEF0DC}"/>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516-40BC-9133-FF2B71DEF0DC}"/>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516-40BC-9133-FF2B71DEF0DC}"/>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516-40BC-9133-FF2B71DEF0DC}"/>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516-40BC-9133-FF2B71DEF0DC}"/>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516-40BC-9133-FF2B71DEF0DC}"/>
                </c:ext>
              </c:extLst>
            </c:dLbl>
            <c:dLbl>
              <c:idx val="6"/>
              <c:layout>
                <c:manualLayout>
                  <c:x val="-2.6809655247536215E-2"/>
                  <c:y val="-2.0874103065883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516-40BC-9133-FF2B71DEF0DC}"/>
                </c:ext>
              </c:extLst>
            </c:dLbl>
            <c:dLbl>
              <c:idx val="7"/>
              <c:layout>
                <c:manualLayout>
                  <c:x val="-2.4329957961660174E-2"/>
                  <c:y val="3.08426214491029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516-40BC-9133-FF2B71DEF0DC}"/>
                </c:ext>
              </c:extLst>
            </c:dLbl>
            <c:dLbl>
              <c:idx val="8"/>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516-40BC-9133-FF2B71DEF0DC}"/>
                </c:ext>
              </c:extLst>
            </c:dLbl>
            <c:dLbl>
              <c:idx val="9"/>
              <c:layout>
                <c:manualLayout>
                  <c:x val="-2.2542634151760915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516-40BC-9133-FF2B71DEF0DC}"/>
                </c:ext>
              </c:extLst>
            </c:dLbl>
            <c:dLbl>
              <c:idx val="10"/>
              <c:layout>
                <c:manualLayout>
                  <c:x val="-2.396496715418717E-2"/>
                  <c:y val="-3.03633031197160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516-40BC-9133-FF2B71DEF0DC}"/>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516-40BC-9133-FF2B71DEF0DC}"/>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516-40BC-9133-FF2B71DEF0DC}"/>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516-40BC-9133-FF2B71DEF0DC}"/>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516-40BC-9133-FF2B71DEF0DC}"/>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516-40BC-9133-FF2B71DEF0DC}"/>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516-40BC-9133-FF2B71DEF0DC}"/>
                </c:ext>
              </c:extLst>
            </c:dLbl>
            <c:dLbl>
              <c:idx val="17"/>
              <c:layout>
                <c:manualLayout>
                  <c:x val="-3.7533464023710626E-2"/>
                  <c:y val="-1.82649050068031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516-40BC-9133-FF2B71DEF0DC}"/>
                </c:ext>
              </c:extLst>
            </c:dLbl>
            <c:dLbl>
              <c:idx val="18"/>
              <c:layout>
                <c:manualLayout>
                  <c:x val="-3.4135992058230195E-2"/>
                  <c:y val="-2.84676981288279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4F9-4C79-966A-DA6BC0C6D886}"/>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U$4</c:f>
              <c:strCache>
                <c:ptCount val="19"/>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pt idx="18">
                  <c:v>2019年度</c:v>
                </c:pt>
              </c:strCache>
            </c:strRef>
          </c:cat>
          <c:val>
            <c:numRef>
              <c:f>'Sheet1 (3)'!$C$6:$U$6</c:f>
              <c:numCache>
                <c:formatCode>General</c:formatCode>
                <c:ptCount val="19"/>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pt idx="18">
                  <c:v>583</c:v>
                </c:pt>
              </c:numCache>
            </c:numRef>
          </c:val>
          <c:smooth val="0"/>
          <c:extLst>
            <c:ext xmlns:c16="http://schemas.microsoft.com/office/drawing/2014/chart" uri="{C3380CC4-5D6E-409C-BE32-E72D297353CC}">
              <c16:uniqueId val="{00000014-E516-40BC-9133-FF2B71DEF0DC}"/>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7440978780135542"/>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F8D-4DDC-8266-2888AD008FCD}"/>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F8D-4DDC-8266-2888AD008FCD}"/>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F8D-4DDC-8266-2888AD008FCD}"/>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F8D-4DDC-8266-2888AD008FCD}"/>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F8D-4DDC-8266-2888AD008FCD}"/>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D$31:$H$31</c:f>
              <c:strCache>
                <c:ptCount val="5"/>
                <c:pt idx="0">
                  <c:v>2014年</c:v>
                </c:pt>
                <c:pt idx="1">
                  <c:v>2015年</c:v>
                </c:pt>
                <c:pt idx="2">
                  <c:v>2016年</c:v>
                </c:pt>
                <c:pt idx="3">
                  <c:v>2017年</c:v>
                </c:pt>
                <c:pt idx="4">
                  <c:v>2018年</c:v>
                </c:pt>
              </c:strCache>
            </c:strRef>
          </c:cat>
          <c:val>
            <c:numRef>
              <c:f>Sheet1!$D$32:$H$32</c:f>
              <c:numCache>
                <c:formatCode>#,##0_);[Red]\(#,##0\)</c:formatCode>
                <c:ptCount val="5"/>
                <c:pt idx="0">
                  <c:v>4594</c:v>
                </c:pt>
                <c:pt idx="1">
                  <c:v>4645</c:v>
                </c:pt>
                <c:pt idx="2">
                  <c:v>4652</c:v>
                </c:pt>
                <c:pt idx="3">
                  <c:v>4573</c:v>
                </c:pt>
                <c:pt idx="4">
                  <c:v>4468</c:v>
                </c:pt>
              </c:numCache>
            </c:numRef>
          </c:val>
          <c:smooth val="0"/>
          <c:extLst>
            <c:ext xmlns:c16="http://schemas.microsoft.com/office/drawing/2014/chart" uri="{C3380CC4-5D6E-409C-BE32-E72D297353CC}">
              <c16:uniqueId val="{00000005-7F8D-4DDC-8266-2888AD008FCD}"/>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グラフ (2019)'!$A$10</c:f>
              <c:strCache>
                <c:ptCount val="1"/>
                <c:pt idx="0">
                  <c:v>事業所数（左目盛）</c:v>
                </c:pt>
              </c:strCache>
            </c:strRef>
          </c:tx>
          <c:spPr>
            <a:pattFill prst="pct80">
              <a:fgClr>
                <a:srgbClr val="0070C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9:$D$9</c:f>
              <c:strCache>
                <c:ptCount val="3"/>
                <c:pt idx="0">
                  <c:v>大阪府</c:v>
                </c:pt>
                <c:pt idx="1">
                  <c:v>東京都</c:v>
                </c:pt>
                <c:pt idx="2">
                  <c:v>愛知県</c:v>
                </c:pt>
              </c:strCache>
            </c:strRef>
          </c:cat>
          <c:val>
            <c:numRef>
              <c:f>'グラフ (2019)'!$B$10:$D$10</c:f>
              <c:numCache>
                <c:formatCode>#,##0_);[Red]\(#,##0\)</c:formatCode>
                <c:ptCount val="3"/>
                <c:pt idx="0">
                  <c:v>15357</c:v>
                </c:pt>
                <c:pt idx="1">
                  <c:v>9794</c:v>
                </c:pt>
                <c:pt idx="2">
                  <c:v>14944</c:v>
                </c:pt>
              </c:numCache>
            </c:numRef>
          </c:val>
          <c:extLst>
            <c:ext xmlns:c16="http://schemas.microsoft.com/office/drawing/2014/chart" uri="{C3380CC4-5D6E-409C-BE32-E72D297353CC}">
              <c16:uniqueId val="{00000000-6F58-40F2-A1E5-C681234DDB40}"/>
            </c:ext>
          </c:extLst>
        </c:ser>
        <c:ser>
          <c:idx val="1"/>
          <c:order val="1"/>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1-6F58-40F2-A1E5-C681234DDB40}"/>
            </c:ext>
          </c:extLst>
        </c:ser>
        <c:ser>
          <c:idx val="2"/>
          <c:order val="2"/>
          <c:tx>
            <c:v>グラフ!#REF!</c:v>
          </c:tx>
          <c:invertIfNegative val="0"/>
          <c:cat>
            <c:strRef>
              <c:f>'グラフ (2019)'!$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2-6F58-40F2-A1E5-C681234DDB40}"/>
            </c:ext>
          </c:extLst>
        </c:ser>
        <c:dLbls>
          <c:showLegendKey val="0"/>
          <c:showVal val="0"/>
          <c:showCatName val="0"/>
          <c:showSerName val="0"/>
          <c:showPercent val="0"/>
          <c:showBubbleSize val="0"/>
        </c:dLbls>
        <c:gapWidth val="117"/>
        <c:axId val="1361077760"/>
        <c:axId val="1"/>
      </c:barChart>
      <c:barChart>
        <c:barDir val="col"/>
        <c:grouping val="clustered"/>
        <c:varyColors val="0"/>
        <c:ser>
          <c:idx val="3"/>
          <c:order val="3"/>
          <c:tx>
            <c:strRef>
              <c:f>'グラフ (2019)'!$A$11</c:f>
              <c:strCache>
                <c:ptCount val="1"/>
                <c:pt idx="0">
                  <c:v>付加価値額（右目盛）</c:v>
                </c:pt>
              </c:strCache>
            </c:strRef>
          </c:tx>
          <c:spPr>
            <a:pattFill prst="narHorz">
              <a:fgClr>
                <a:srgbClr val="FF0000"/>
              </a:fgClr>
              <a:bgClr>
                <a:schemeClr val="bg1"/>
              </a:bgClr>
            </a:pattFill>
          </c:spPr>
          <c:invertIfNegative val="0"/>
          <c:dLbls>
            <c:dLbl>
              <c:idx val="0"/>
              <c:layout>
                <c:manualLayout>
                  <c:x val="1.2093726379440665E-2"/>
                  <c:y val="1.980199048984719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F58-40F2-A1E5-C681234DDB40}"/>
                </c:ext>
              </c:extLst>
            </c:dLbl>
            <c:dLbl>
              <c:idx val="1"/>
              <c:layout>
                <c:manualLayout>
                  <c:x val="2.7210884353741551E-2"/>
                  <c:y val="2.640265398646286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F58-40F2-A1E5-C681234DDB40}"/>
                </c:ext>
              </c:extLst>
            </c:dLbl>
            <c:dLbl>
              <c:idx val="2"/>
              <c:layout>
                <c:manualLayout>
                  <c:x val="1.2093726379440665E-2"/>
                  <c:y val="1.3201326993231462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F58-40F2-A1E5-C681234DDB40}"/>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9:$D$9</c:f>
              <c:strCache>
                <c:ptCount val="3"/>
                <c:pt idx="0">
                  <c:v>大阪府</c:v>
                </c:pt>
                <c:pt idx="1">
                  <c:v>東京都</c:v>
                </c:pt>
                <c:pt idx="2">
                  <c:v>愛知県</c:v>
                </c:pt>
              </c:strCache>
            </c:strRef>
          </c:cat>
          <c:val>
            <c:numRef>
              <c:f>'グラフ (2019)'!$B$11:$D$11</c:f>
              <c:numCache>
                <c:formatCode>#,##0_);[Red]\(#,##0\)</c:formatCode>
                <c:ptCount val="3"/>
                <c:pt idx="0">
                  <c:v>3564.6170000000002</c:v>
                </c:pt>
                <c:pt idx="1">
                  <c:v>1639.501</c:v>
                </c:pt>
                <c:pt idx="2">
                  <c:v>4575.6670000000004</c:v>
                </c:pt>
              </c:numCache>
            </c:numRef>
          </c:val>
          <c:extLst>
            <c:ext xmlns:c16="http://schemas.microsoft.com/office/drawing/2014/chart" uri="{C3380CC4-5D6E-409C-BE32-E72D297353CC}">
              <c16:uniqueId val="{00000006-6F58-40F2-A1E5-C681234DDB40}"/>
            </c:ext>
          </c:extLst>
        </c:ser>
        <c:dLbls>
          <c:showLegendKey val="0"/>
          <c:showVal val="0"/>
          <c:showCatName val="0"/>
          <c:showSerName val="0"/>
          <c:showPercent val="0"/>
          <c:showBubbleSize val="0"/>
        </c:dLbls>
        <c:gapWidth val="294"/>
        <c:axId val="3"/>
        <c:axId val="4"/>
      </c:barChart>
      <c:catAx>
        <c:axId val="136107776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7760"/>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ayout>
        <c:manualLayout>
          <c:xMode val="edge"/>
          <c:yMode val="edge"/>
          <c:x val="0.17521450537245717"/>
          <c:y val="9.2760345255350554E-2"/>
          <c:w val="0.61235555136446274"/>
          <c:h val="0.1198130084485708"/>
        </c:manualLayout>
      </c:layout>
      <c:overlay val="0"/>
    </c:legend>
    <c:plotVisOnly val="1"/>
    <c:dispBlanksAs val="gap"/>
    <c:showDLblsOverMax val="0"/>
  </c:chart>
  <c:externalData r:id="rId1">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 (2019)'!$A$31</c:f>
              <c:strCache>
                <c:ptCount val="1"/>
                <c:pt idx="0">
                  <c:v>1人当たりの付加価値額</c:v>
                </c:pt>
              </c:strCache>
            </c:strRef>
          </c:tx>
          <c:spPr>
            <a:pattFill prst="pct90">
              <a:fgClr>
                <a:srgbClr val="FF0000"/>
              </a:fgClr>
              <a:bgClr>
                <a:schemeClr val="bg1"/>
              </a:bgClr>
            </a:pattFill>
          </c:spPr>
          <c:invertIfNegative val="0"/>
          <c:dLbls>
            <c:spPr>
              <a:noFill/>
              <a:ln w="25400">
                <a:noFill/>
              </a:ln>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B$30:$D$30</c:f>
              <c:strCache>
                <c:ptCount val="3"/>
                <c:pt idx="0">
                  <c:v>大阪府</c:v>
                </c:pt>
                <c:pt idx="1">
                  <c:v>東京都</c:v>
                </c:pt>
                <c:pt idx="2">
                  <c:v>愛知県</c:v>
                </c:pt>
              </c:strCache>
            </c:strRef>
          </c:cat>
          <c:val>
            <c:numRef>
              <c:f>'グラフ (2019)'!$B$31:$D$31</c:f>
              <c:numCache>
                <c:formatCode>#,##0_);[Red]\(#,##0\)</c:formatCode>
                <c:ptCount val="3"/>
                <c:pt idx="0">
                  <c:v>1039.4772602675812</c:v>
                </c:pt>
                <c:pt idx="1">
                  <c:v>907.65708907711894</c:v>
                </c:pt>
                <c:pt idx="2">
                  <c:v>1078.8715823029547</c:v>
                </c:pt>
              </c:numCache>
            </c:numRef>
          </c:val>
          <c:extLst>
            <c:ext xmlns:c16="http://schemas.microsoft.com/office/drawing/2014/chart" uri="{C3380CC4-5D6E-409C-BE32-E72D297353CC}">
              <c16:uniqueId val="{00000000-D704-4817-A464-66593B7F2D17}"/>
            </c:ext>
          </c:extLst>
        </c:ser>
        <c:dLbls>
          <c:showLegendKey val="0"/>
          <c:showVal val="0"/>
          <c:showCatName val="0"/>
          <c:showSerName val="0"/>
          <c:showPercent val="0"/>
          <c:showBubbleSize val="0"/>
        </c:dLbls>
        <c:gapWidth val="150"/>
        <c:axId val="1361074432"/>
        <c:axId val="1"/>
      </c:barChart>
      <c:catAx>
        <c:axId val="1361074432"/>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1361074432"/>
        <c:crosses val="autoZero"/>
        <c:crossBetween val="between"/>
      </c:valAx>
    </c:plotArea>
    <c:plotVisOnly val="1"/>
    <c:dispBlanksAs val="gap"/>
    <c:showDLblsOverMax val="0"/>
  </c:chart>
  <c:externalData r:id="rId1">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 (2019)'!$G$10</c:f>
              <c:strCache>
                <c:ptCount val="1"/>
                <c:pt idx="0">
                  <c:v>大阪府</c:v>
                </c:pt>
              </c:strCache>
            </c:strRef>
          </c:tx>
          <c:spPr>
            <a:solidFill>
              <a:srgbClr val="002060"/>
            </a:solid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0:$L$10</c:f>
              <c:numCache>
                <c:formatCode>#,##0;"▲ "#,##0</c:formatCode>
                <c:ptCount val="5"/>
                <c:pt idx="0">
                  <c:v>286.17099999999999</c:v>
                </c:pt>
                <c:pt idx="1">
                  <c:v>484.38099999999997</c:v>
                </c:pt>
                <c:pt idx="2">
                  <c:v>444.46600000000001</c:v>
                </c:pt>
                <c:pt idx="3">
                  <c:v>1254.3710000000001</c:v>
                </c:pt>
                <c:pt idx="4">
                  <c:v>1095.2280000000001</c:v>
                </c:pt>
              </c:numCache>
            </c:numRef>
          </c:val>
          <c:extLst>
            <c:ext xmlns:c16="http://schemas.microsoft.com/office/drawing/2014/chart" uri="{C3380CC4-5D6E-409C-BE32-E72D297353CC}">
              <c16:uniqueId val="{00000000-C130-4037-B541-FABDEBE0FA49}"/>
            </c:ext>
          </c:extLst>
        </c:ser>
        <c:ser>
          <c:idx val="1"/>
          <c:order val="1"/>
          <c:tx>
            <c:strRef>
              <c:f>'グラフ (2019)'!$G$11</c:f>
              <c:strCache>
                <c:ptCount val="1"/>
                <c:pt idx="0">
                  <c:v>東京都</c:v>
                </c:pt>
              </c:strCache>
            </c:strRef>
          </c:tx>
          <c:spPr>
            <a:pattFill prst="pct80">
              <a:fgClr>
                <a:srgbClr val="FF000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1:$L$11</c:f>
              <c:numCache>
                <c:formatCode>#,##0;"▲ "#,##0</c:formatCode>
                <c:ptCount val="5"/>
                <c:pt idx="0">
                  <c:v>185.02600000000001</c:v>
                </c:pt>
                <c:pt idx="1">
                  <c:v>287.339</c:v>
                </c:pt>
                <c:pt idx="2">
                  <c:v>241.65</c:v>
                </c:pt>
                <c:pt idx="3">
                  <c:v>549.447</c:v>
                </c:pt>
                <c:pt idx="4">
                  <c:v>376.03899999999999</c:v>
                </c:pt>
              </c:numCache>
            </c:numRef>
          </c:val>
          <c:extLst>
            <c:ext xmlns:c16="http://schemas.microsoft.com/office/drawing/2014/chart" uri="{C3380CC4-5D6E-409C-BE32-E72D297353CC}">
              <c16:uniqueId val="{00000001-C130-4037-B541-FABDEBE0FA49}"/>
            </c:ext>
          </c:extLst>
        </c:ser>
        <c:ser>
          <c:idx val="2"/>
          <c:order val="2"/>
          <c:tx>
            <c:strRef>
              <c:f>'グラフ (2019)'!$G$12</c:f>
              <c:strCache>
                <c:ptCount val="1"/>
                <c:pt idx="0">
                  <c:v>愛知県</c:v>
                </c:pt>
              </c:strCache>
            </c:strRef>
          </c:tx>
          <c:spPr>
            <a:pattFill prst="dkUpDiag">
              <a:fgClr>
                <a:srgbClr val="00B050"/>
              </a:fgClr>
              <a:bgClr>
                <a:schemeClr val="bg1"/>
              </a:bgClr>
            </a:pattFill>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9:$L$9</c:f>
              <c:strCache>
                <c:ptCount val="5"/>
                <c:pt idx="0">
                  <c:v>4～9人</c:v>
                </c:pt>
                <c:pt idx="1">
                  <c:v>10～19人</c:v>
                </c:pt>
                <c:pt idx="2">
                  <c:v>20～29人</c:v>
                </c:pt>
                <c:pt idx="3">
                  <c:v>30～99人</c:v>
                </c:pt>
                <c:pt idx="4">
                  <c:v>100～299人</c:v>
                </c:pt>
              </c:strCache>
            </c:strRef>
          </c:cat>
          <c:val>
            <c:numRef>
              <c:f>'グラフ (2019)'!$H$12:$L$12</c:f>
              <c:numCache>
                <c:formatCode>#,##0;"▲ "#,##0</c:formatCode>
                <c:ptCount val="5"/>
                <c:pt idx="0">
                  <c:v>238.93100000000001</c:v>
                </c:pt>
                <c:pt idx="1">
                  <c:v>457.54</c:v>
                </c:pt>
                <c:pt idx="2">
                  <c:v>446.19900000000001</c:v>
                </c:pt>
                <c:pt idx="3">
                  <c:v>1381.4280000000001</c:v>
                </c:pt>
                <c:pt idx="4">
                  <c:v>2051.569</c:v>
                </c:pt>
              </c:numCache>
            </c:numRef>
          </c:val>
          <c:extLst>
            <c:ext xmlns:c16="http://schemas.microsoft.com/office/drawing/2014/chart" uri="{C3380CC4-5D6E-409C-BE32-E72D297353CC}">
              <c16:uniqueId val="{00000002-C130-4037-B541-FABDEBE0FA49}"/>
            </c:ext>
          </c:extLst>
        </c:ser>
        <c:dLbls>
          <c:showLegendKey val="0"/>
          <c:showVal val="0"/>
          <c:showCatName val="0"/>
          <c:showSerName val="0"/>
          <c:showPercent val="0"/>
          <c:showBubbleSize val="0"/>
        </c:dLbls>
        <c:gapWidth val="150"/>
        <c:axId val="1361076928"/>
        <c:axId val="1"/>
      </c:barChart>
      <c:catAx>
        <c:axId val="136107692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2100"/>
          <c:min val="0"/>
        </c:scaling>
        <c:delete val="0"/>
        <c:axPos val="l"/>
        <c:majorGridlines/>
        <c:numFmt formatCode="#,##0;&quot;▲ &quot;#,##0" sourceLinked="1"/>
        <c:majorTickMark val="out"/>
        <c:minorTickMark val="none"/>
        <c:tickLblPos val="nextTo"/>
        <c:crossAx val="1361076928"/>
        <c:crosses val="autoZero"/>
        <c:crossBetween val="between"/>
      </c:valAx>
    </c:plotArea>
    <c:legend>
      <c:legendPos val="t"/>
      <c:layout>
        <c:manualLayout>
          <c:xMode val="edge"/>
          <c:yMode val="edge"/>
          <c:x val="0.1034110358417932"/>
          <c:y val="0.1188688163882148"/>
          <c:w val="0.39576189150992297"/>
          <c:h val="0.12741074032412614"/>
        </c:manualLayout>
      </c:layout>
      <c:overlay val="0"/>
    </c:legend>
    <c:plotVisOnly val="1"/>
    <c:dispBlanksAs val="gap"/>
    <c:showDLblsOverMax val="0"/>
  </c:chart>
  <c:externalData r:id="rId1">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6.8244107677495072E-2"/>
          <c:w val="0.86235870516185475"/>
          <c:h val="0.75857924794576559"/>
        </c:manualLayout>
      </c:layout>
      <c:barChart>
        <c:barDir val="col"/>
        <c:grouping val="clustered"/>
        <c:varyColors val="0"/>
        <c:ser>
          <c:idx val="0"/>
          <c:order val="0"/>
          <c:tx>
            <c:strRef>
              <c:f>'グラフ (2019)'!$G$27</c:f>
              <c:strCache>
                <c:ptCount val="1"/>
                <c:pt idx="0">
                  <c:v>大阪府</c:v>
                </c:pt>
              </c:strCache>
            </c:strRef>
          </c:tx>
          <c:spPr>
            <a:solidFill>
              <a:srgbClr val="002060"/>
            </a:solidFill>
          </c:spPr>
          <c:invertIfNegative val="0"/>
          <c:dLbls>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7:$L$27</c:f>
              <c:numCache>
                <c:formatCode>#,##0;"▲ "#,##0</c:formatCode>
                <c:ptCount val="5"/>
                <c:pt idx="0">
                  <c:v>6545</c:v>
                </c:pt>
                <c:pt idx="1">
                  <c:v>4222</c:v>
                </c:pt>
                <c:pt idx="2">
                  <c:v>1908</c:v>
                </c:pt>
                <c:pt idx="3">
                  <c:v>2154</c:v>
                </c:pt>
                <c:pt idx="4">
                  <c:v>528</c:v>
                </c:pt>
              </c:numCache>
            </c:numRef>
          </c:val>
          <c:extLst>
            <c:ext xmlns:c16="http://schemas.microsoft.com/office/drawing/2014/chart" uri="{C3380CC4-5D6E-409C-BE32-E72D297353CC}">
              <c16:uniqueId val="{00000000-B5AC-47CE-B7DA-E073EA3BE358}"/>
            </c:ext>
          </c:extLst>
        </c:ser>
        <c:ser>
          <c:idx val="1"/>
          <c:order val="1"/>
          <c:tx>
            <c:strRef>
              <c:f>'グラフ (2019)'!$G$28</c:f>
              <c:strCache>
                <c:ptCount val="1"/>
                <c:pt idx="0">
                  <c:v>東京都</c:v>
                </c:pt>
              </c:strCache>
            </c:strRef>
          </c:tx>
          <c:spPr>
            <a:pattFill prst="pct80">
              <a:fgClr>
                <a:srgbClr val="FF0000"/>
              </a:fgClr>
              <a:bgClr>
                <a:schemeClr val="bg1"/>
              </a:bgClr>
            </a:pattFill>
          </c:spPr>
          <c:invertIfNegative val="0"/>
          <c:dLbls>
            <c:dLbl>
              <c:idx val="0"/>
              <c:layout>
                <c:manualLayout>
                  <c:x val="1.9444444444444445E-2"/>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5AC-47CE-B7DA-E073EA3BE358}"/>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5AC-47CE-B7DA-E073EA3BE358}"/>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5AC-47CE-B7DA-E073EA3BE358}"/>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5AC-47CE-B7DA-E073EA3BE358}"/>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8:$L$28</c:f>
              <c:numCache>
                <c:formatCode>#,##0;"▲ "#,##0</c:formatCode>
                <c:ptCount val="5"/>
                <c:pt idx="0">
                  <c:v>4789</c:v>
                </c:pt>
                <c:pt idx="1">
                  <c:v>2592</c:v>
                </c:pt>
                <c:pt idx="2">
                  <c:v>1105</c:v>
                </c:pt>
                <c:pt idx="3">
                  <c:v>1076</c:v>
                </c:pt>
                <c:pt idx="4">
                  <c:v>232</c:v>
                </c:pt>
              </c:numCache>
            </c:numRef>
          </c:val>
          <c:extLst>
            <c:ext xmlns:c16="http://schemas.microsoft.com/office/drawing/2014/chart" uri="{C3380CC4-5D6E-409C-BE32-E72D297353CC}">
              <c16:uniqueId val="{00000006-B5AC-47CE-B7DA-E073EA3BE358}"/>
            </c:ext>
          </c:extLst>
        </c:ser>
        <c:ser>
          <c:idx val="2"/>
          <c:order val="2"/>
          <c:tx>
            <c:strRef>
              <c:f>'グラフ (2019)'!$G$29</c:f>
              <c:strCache>
                <c:ptCount val="1"/>
                <c:pt idx="0">
                  <c:v>愛知県</c:v>
                </c:pt>
              </c:strCache>
            </c:strRef>
          </c:tx>
          <c:spPr>
            <a:pattFill prst="dkUpDiag">
              <a:fgClr>
                <a:srgbClr val="00B050"/>
              </a:fgClr>
              <a:bgClr>
                <a:schemeClr val="bg1"/>
              </a:bgClr>
            </a:pattFill>
          </c:spPr>
          <c:invertIfNegative val="0"/>
          <c:dLbls>
            <c:dLbl>
              <c:idx val="0"/>
              <c:layout>
                <c:manualLayout>
                  <c:x val="2.2222222222222223E-2"/>
                  <c:y val="6.7001675041875736E-3"/>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5AC-47CE-B7DA-E073EA3BE358}"/>
                </c:ext>
              </c:extLst>
            </c:dLbl>
            <c:spPr>
              <a:noFill/>
              <a:ln w="25400">
                <a:noFill/>
              </a:ln>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 (2019)'!$H$26:$L$26</c:f>
              <c:strCache>
                <c:ptCount val="5"/>
                <c:pt idx="0">
                  <c:v>4～9人</c:v>
                </c:pt>
                <c:pt idx="1">
                  <c:v>10～19人</c:v>
                </c:pt>
                <c:pt idx="2">
                  <c:v>20～29人</c:v>
                </c:pt>
                <c:pt idx="3">
                  <c:v>30～99人</c:v>
                </c:pt>
                <c:pt idx="4">
                  <c:v>100～299人</c:v>
                </c:pt>
              </c:strCache>
            </c:strRef>
          </c:cat>
          <c:val>
            <c:numRef>
              <c:f>'グラフ (2019)'!$H$29:$L$29</c:f>
              <c:numCache>
                <c:formatCode>#,##0;"▲ "#,##0</c:formatCode>
                <c:ptCount val="5"/>
                <c:pt idx="0">
                  <c:v>5614</c:v>
                </c:pt>
                <c:pt idx="1">
                  <c:v>3850</c:v>
                </c:pt>
                <c:pt idx="2">
                  <c:v>2038</c:v>
                </c:pt>
                <c:pt idx="3">
                  <c:v>2518</c:v>
                </c:pt>
                <c:pt idx="4">
                  <c:v>924</c:v>
                </c:pt>
              </c:numCache>
            </c:numRef>
          </c:val>
          <c:extLst>
            <c:ext xmlns:c16="http://schemas.microsoft.com/office/drawing/2014/chart" uri="{C3380CC4-5D6E-409C-BE32-E72D297353CC}">
              <c16:uniqueId val="{00000008-B5AC-47CE-B7DA-E073EA3BE358}"/>
            </c:ext>
          </c:extLst>
        </c:ser>
        <c:dLbls>
          <c:showLegendKey val="0"/>
          <c:showVal val="0"/>
          <c:showCatName val="0"/>
          <c:showSerName val="0"/>
          <c:showPercent val="0"/>
          <c:showBubbleSize val="0"/>
        </c:dLbls>
        <c:gapWidth val="150"/>
        <c:axId val="1361077344"/>
        <c:axId val="1"/>
      </c:barChart>
      <c:catAx>
        <c:axId val="1361077344"/>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10000"/>
        </c:scaling>
        <c:delete val="0"/>
        <c:axPos val="l"/>
        <c:majorGridlines/>
        <c:numFmt formatCode="#,##0;&quot;▲ &quot;#,##0" sourceLinked="1"/>
        <c:majorTickMark val="out"/>
        <c:minorTickMark val="none"/>
        <c:tickLblPos val="nextTo"/>
        <c:crossAx val="1361077344"/>
        <c:crosses val="autoZero"/>
        <c:crossBetween val="between"/>
        <c:majorUnit val="2000"/>
      </c:valAx>
    </c:plotArea>
    <c:legend>
      <c:legendPos val="t"/>
      <c:layout>
        <c:manualLayout>
          <c:xMode val="edge"/>
          <c:yMode val="edge"/>
          <c:x val="8.9522156923731722E-2"/>
          <c:y val="6.0301172030915486E-2"/>
          <c:w val="0.40954354718134245"/>
          <c:h val="0.11098854578661541"/>
        </c:manualLayout>
      </c:layout>
      <c:overlay val="0"/>
    </c:legend>
    <c:plotVisOnly val="1"/>
    <c:dispBlanksAs val="gap"/>
    <c:showDLblsOverMax val="0"/>
  </c:chart>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774538272523389E-2"/>
          <c:y val="8.70002577560791E-2"/>
          <c:w val="0.77860250720034374"/>
          <c:h val="0.53137958059478385"/>
        </c:manualLayout>
      </c:layout>
      <c:lineChart>
        <c:grouping val="standard"/>
        <c:varyColors val="0"/>
        <c:ser>
          <c:idx val="0"/>
          <c:order val="0"/>
          <c:tx>
            <c:strRef>
              <c:f>まとめ!$C$2</c:f>
              <c:strCache>
                <c:ptCount val="1"/>
                <c:pt idx="0">
                  <c:v>府内企業合計</c:v>
                </c:pt>
              </c:strCache>
            </c:strRef>
          </c:tx>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C$3:$C$45</c:f>
              <c:numCache>
                <c:formatCode>0.0</c:formatCode>
                <c:ptCount val="43"/>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pt idx="37">
                  <c:v>-1.3862633900441104</c:v>
                </c:pt>
                <c:pt idx="38">
                  <c:v>1.5822784810126578</c:v>
                </c:pt>
                <c:pt idx="39">
                  <c:v>3.6745406824146976</c:v>
                </c:pt>
                <c:pt idx="40">
                  <c:v>-5.6568196103079842</c:v>
                </c:pt>
                <c:pt idx="41">
                  <c:v>-19.706498951781967</c:v>
                </c:pt>
                <c:pt idx="42">
                  <c:v>-15.485278080697929</c:v>
                </c:pt>
              </c:numCache>
            </c:numRef>
          </c:val>
          <c:smooth val="0"/>
          <c:extLst>
            <c:ext xmlns:c16="http://schemas.microsoft.com/office/drawing/2014/chart" uri="{C3380CC4-5D6E-409C-BE32-E72D297353CC}">
              <c16:uniqueId val="{00000000-2096-4097-BA75-D1E956D9DFF9}"/>
            </c:ext>
          </c:extLst>
        </c:ser>
        <c:ser>
          <c:idx val="1"/>
          <c:order val="1"/>
          <c:tx>
            <c:strRef>
              <c:f>まとめ!$D$2</c:f>
              <c:strCache>
                <c:ptCount val="1"/>
                <c:pt idx="0">
                  <c:v>大企業</c:v>
                </c:pt>
              </c:strCache>
            </c:strRef>
          </c:tx>
          <c:spPr>
            <a:ln cmpd="dbl"/>
          </c:spPr>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D$3:$D$45</c:f>
              <c:numCache>
                <c:formatCode>0.0</c:formatCode>
                <c:ptCount val="43"/>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pt idx="37">
                  <c:v>13.274336283185841</c:v>
                </c:pt>
                <c:pt idx="38">
                  <c:v>9.9173553719008218</c:v>
                </c:pt>
                <c:pt idx="39">
                  <c:v>11.016949152542374</c:v>
                </c:pt>
                <c:pt idx="40">
                  <c:v>11.538461538461537</c:v>
                </c:pt>
                <c:pt idx="41">
                  <c:v>-7.2580645161290356</c:v>
                </c:pt>
                <c:pt idx="42">
                  <c:v>-22.727272727272734</c:v>
                </c:pt>
              </c:numCache>
            </c:numRef>
          </c:val>
          <c:smooth val="0"/>
          <c:extLst>
            <c:ext xmlns:c16="http://schemas.microsoft.com/office/drawing/2014/chart" uri="{C3380CC4-5D6E-409C-BE32-E72D297353CC}">
              <c16:uniqueId val="{00000001-2096-4097-BA75-D1E956D9DFF9}"/>
            </c:ext>
          </c:extLst>
        </c:ser>
        <c:ser>
          <c:idx val="2"/>
          <c:order val="2"/>
          <c:tx>
            <c:strRef>
              <c:f>まとめ!$E$2</c:f>
              <c:strCache>
                <c:ptCount val="1"/>
                <c:pt idx="0">
                  <c:v>中小企業</c:v>
                </c:pt>
              </c:strCache>
            </c:strRef>
          </c:tx>
          <c:spPr>
            <a:ln>
              <a:prstDash val="sysDash"/>
            </a:ln>
          </c:spPr>
          <c:marker>
            <c:symbol val="none"/>
          </c:marker>
          <c:cat>
            <c:multiLvlStrRef>
              <c:f>まとめ!$A$3:$B$45</c:f>
              <c:multiLvlStrCache>
                <c:ptCount val="43"/>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pt idx="37">
                    <c:v>4～6</c:v>
                  </c:pt>
                  <c:pt idx="38">
                    <c:v>7～9</c:v>
                  </c:pt>
                  <c:pt idx="39">
                    <c:v>10～12</c:v>
                  </c:pt>
                  <c:pt idx="40">
                    <c:v>1～3</c:v>
                  </c:pt>
                  <c:pt idx="41">
                    <c:v>4～6</c:v>
                  </c:pt>
                  <c:pt idx="42">
                    <c:v>7～9</c:v>
                  </c:pt>
                </c:lvl>
                <c:lvl>
                  <c:pt idx="0">
                    <c:v>2010年</c:v>
                  </c:pt>
                  <c:pt idx="4">
                    <c:v>2011年</c:v>
                  </c:pt>
                  <c:pt idx="8">
                    <c:v>2012年</c:v>
                  </c:pt>
                  <c:pt idx="12">
                    <c:v>2013年</c:v>
                  </c:pt>
                  <c:pt idx="16">
                    <c:v>2014年</c:v>
                  </c:pt>
                  <c:pt idx="20">
                    <c:v>2015年</c:v>
                  </c:pt>
                  <c:pt idx="24">
                    <c:v>2016年</c:v>
                  </c:pt>
                  <c:pt idx="28">
                    <c:v>2017年</c:v>
                  </c:pt>
                  <c:pt idx="32">
                    <c:v>2018年</c:v>
                  </c:pt>
                  <c:pt idx="36">
                    <c:v>2019年</c:v>
                  </c:pt>
                  <c:pt idx="40">
                    <c:v>2020年</c:v>
                  </c:pt>
                </c:lvl>
              </c:multiLvlStrCache>
            </c:multiLvlStrRef>
          </c:cat>
          <c:val>
            <c:numRef>
              <c:f>まとめ!$E$3:$E$45</c:f>
              <c:numCache>
                <c:formatCode>0.0</c:formatCode>
                <c:ptCount val="43"/>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pt idx="37">
                  <c:v>-2.6045236463331047</c:v>
                </c:pt>
                <c:pt idx="38">
                  <c:v>0.62543432939541255</c:v>
                </c:pt>
                <c:pt idx="39">
                  <c:v>3.2258064516129021</c:v>
                </c:pt>
                <c:pt idx="40">
                  <c:v>-6.9830508474576245</c:v>
                </c:pt>
                <c:pt idx="41">
                  <c:v>-20.374574347332576</c:v>
                </c:pt>
                <c:pt idx="42">
                  <c:v>-14.867256637168142</c:v>
                </c:pt>
              </c:numCache>
            </c:numRef>
          </c:val>
          <c:smooth val="0"/>
          <c:extLst>
            <c:ext xmlns:c16="http://schemas.microsoft.com/office/drawing/2014/chart" uri="{C3380CC4-5D6E-409C-BE32-E72D297353CC}">
              <c16:uniqueId val="{00000002-2096-4097-BA75-D1E956D9DFF9}"/>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overlay val="0"/>
    </c:legend>
    <c:plotVisOnly val="1"/>
    <c:dispBlanksAs val="gap"/>
    <c:showDLblsOverMax val="0"/>
  </c:chart>
  <c:externalData r:id="rId1">
    <c:autoUpdate val="0"/>
  </c:externalData>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57407042785382"/>
          <c:y val="3.0627655785480743E-2"/>
          <c:w val="0.74189231221410856"/>
          <c:h val="0.89265980034627646"/>
        </c:manualLayout>
      </c:layout>
      <c:pieChart>
        <c:varyColors val="1"/>
        <c:ser>
          <c:idx val="0"/>
          <c:order val="0"/>
          <c:tx>
            <c:strRef>
              <c:f>GDP構成比!$F$4</c:f>
              <c:strCache>
                <c:ptCount val="1"/>
                <c:pt idx="0">
                  <c:v>2018年</c:v>
                </c:pt>
              </c:strCache>
            </c:strRef>
          </c:tx>
          <c:dPt>
            <c:idx val="0"/>
            <c:bubble3D val="0"/>
            <c:explosion val="10"/>
            <c:spPr>
              <a:pattFill prst="dkUpDiag">
                <a:fgClr>
                  <a:schemeClr val="accent1"/>
                </a:fgClr>
                <a:bgClr>
                  <a:schemeClr val="bg1"/>
                </a:bgClr>
              </a:pattFill>
            </c:spPr>
            <c:extLst>
              <c:ext xmlns:c16="http://schemas.microsoft.com/office/drawing/2014/chart" uri="{C3380CC4-5D6E-409C-BE32-E72D297353CC}">
                <c16:uniqueId val="{00000001-F29D-4638-A51F-556C451B3C2A}"/>
              </c:ext>
            </c:extLst>
          </c:dPt>
          <c:dPt>
            <c:idx val="2"/>
            <c:bubble3D val="0"/>
            <c:spPr>
              <a:pattFill prst="pct25">
                <a:fgClr>
                  <a:srgbClr val="92D050"/>
                </a:fgClr>
                <a:bgClr>
                  <a:schemeClr val="bg1"/>
                </a:bgClr>
              </a:pattFill>
            </c:spPr>
            <c:extLst>
              <c:ext xmlns:c16="http://schemas.microsoft.com/office/drawing/2014/chart" uri="{C3380CC4-5D6E-409C-BE32-E72D297353CC}">
                <c16:uniqueId val="{00000003-F29D-4638-A51F-556C451B3C2A}"/>
              </c:ext>
            </c:extLst>
          </c:dPt>
          <c:dPt>
            <c:idx val="3"/>
            <c:bubble3D val="0"/>
            <c:spPr>
              <a:pattFill prst="trellis">
                <a:fgClr>
                  <a:srgbClr val="7030A0"/>
                </a:fgClr>
                <a:bgClr>
                  <a:schemeClr val="bg1"/>
                </a:bgClr>
              </a:pattFill>
            </c:spPr>
            <c:extLst>
              <c:ext xmlns:c16="http://schemas.microsoft.com/office/drawing/2014/chart" uri="{C3380CC4-5D6E-409C-BE32-E72D297353CC}">
                <c16:uniqueId val="{00000005-F29D-4638-A51F-556C451B3C2A}"/>
              </c:ext>
            </c:extLst>
          </c:dPt>
          <c:dPt>
            <c:idx val="4"/>
            <c:bubble3D val="0"/>
            <c:spPr>
              <a:pattFill prst="narHorz">
                <a:fgClr>
                  <a:schemeClr val="accent5"/>
                </a:fgClr>
                <a:bgClr>
                  <a:schemeClr val="bg1"/>
                </a:bgClr>
              </a:pattFill>
            </c:spPr>
            <c:extLst>
              <c:ext xmlns:c16="http://schemas.microsoft.com/office/drawing/2014/chart" uri="{C3380CC4-5D6E-409C-BE32-E72D297353CC}">
                <c16:uniqueId val="{00000007-F29D-4638-A51F-556C451B3C2A}"/>
              </c:ext>
            </c:extLst>
          </c:dPt>
          <c:dPt>
            <c:idx val="5"/>
            <c:bubble3D val="0"/>
            <c:spPr>
              <a:pattFill prst="smCheck">
                <a:fgClr>
                  <a:schemeClr val="accent6"/>
                </a:fgClr>
                <a:bgClr>
                  <a:schemeClr val="bg1"/>
                </a:bgClr>
              </a:pattFill>
            </c:spPr>
            <c:extLst>
              <c:ext xmlns:c16="http://schemas.microsoft.com/office/drawing/2014/chart" uri="{C3380CC4-5D6E-409C-BE32-E72D297353CC}">
                <c16:uniqueId val="{00000009-F29D-4638-A51F-556C451B3C2A}"/>
              </c:ext>
            </c:extLst>
          </c:dPt>
          <c:dPt>
            <c:idx val="7"/>
            <c:bubble3D val="0"/>
            <c:spPr>
              <a:pattFill prst="smGrid">
                <a:fgClr>
                  <a:schemeClr val="accent2">
                    <a:lumMod val="60000"/>
                    <a:lumOff val="40000"/>
                  </a:schemeClr>
                </a:fgClr>
                <a:bgClr>
                  <a:schemeClr val="bg1"/>
                </a:bgClr>
              </a:pattFill>
            </c:spPr>
            <c:extLst>
              <c:ext xmlns:c16="http://schemas.microsoft.com/office/drawing/2014/chart" uri="{C3380CC4-5D6E-409C-BE32-E72D297353CC}">
                <c16:uniqueId val="{0000000B-F29D-4638-A51F-556C451B3C2A}"/>
              </c:ext>
            </c:extLst>
          </c:dPt>
          <c:dLbls>
            <c:dLbl>
              <c:idx val="0"/>
              <c:layout>
                <c:manualLayout>
                  <c:x val="-0.11267885899305348"/>
                  <c:y val="7.3114958830460972E-2"/>
                </c:manualLayout>
              </c:layout>
              <c:tx>
                <c:rich>
                  <a:bodyPr wrap="square" lIns="38100" tIns="19050" rIns="38100" bIns="19050" anchor="ctr">
                    <a:spAutoFit/>
                  </a:bodyPr>
                  <a:lstStyle/>
                  <a:p>
                    <a:pPr>
                      <a:defRPr sz="1000">
                        <a:latin typeface="ＭＳ Ｐゴシック" panose="020B0600070205080204" pitchFamily="50" charset="-128"/>
                        <a:ea typeface="ＭＳ Ｐゴシック" panose="020B0600070205080204" pitchFamily="50" charset="-128"/>
                      </a:defRPr>
                    </a:pPr>
                    <a:r>
                      <a:rPr lang="zh-TW" altLang="en-US" sz="1000">
                        <a:latin typeface="ＭＳ Ｐゴシック" panose="020B0600070205080204" pitchFamily="50" charset="-128"/>
                        <a:ea typeface="ＭＳ Ｐゴシック" panose="020B0600070205080204" pitchFamily="50" charset="-128"/>
                      </a:rPr>
                      <a:t>情報通信業</a:t>
                    </a:r>
                  </a:p>
                  <a:p>
                    <a:pPr>
                      <a:defRPr sz="1000">
                        <a:latin typeface="ＭＳ Ｐゴシック" panose="020B0600070205080204" pitchFamily="50" charset="-128"/>
                        <a:ea typeface="ＭＳ Ｐゴシック" panose="020B0600070205080204" pitchFamily="50" charset="-128"/>
                      </a:defRPr>
                    </a:pPr>
                    <a:r>
                      <a:rPr lang="en-US" altLang="zh-TW" sz="1000">
                        <a:latin typeface="ＭＳ Ｐゴシック" panose="020B0600070205080204" pitchFamily="50" charset="-128"/>
                        <a:ea typeface="ＭＳ Ｐゴシック" panose="020B0600070205080204" pitchFamily="50" charset="-128"/>
                      </a:rPr>
                      <a:t>47.0</a:t>
                    </a:r>
                    <a:r>
                      <a:rPr lang="zh-TW" altLang="en-US" sz="1000">
                        <a:latin typeface="ＭＳ Ｐゴシック" panose="020B0600070205080204" pitchFamily="50" charset="-128"/>
                        <a:ea typeface="ＭＳ Ｐゴシック" panose="020B0600070205080204" pitchFamily="50" charset="-128"/>
                      </a:rPr>
                      <a:t>兆円</a:t>
                    </a:r>
                  </a:p>
                  <a:p>
                    <a:pPr>
                      <a:defRPr sz="1000">
                        <a:latin typeface="ＭＳ Ｐゴシック" panose="020B0600070205080204" pitchFamily="50" charset="-128"/>
                        <a:ea typeface="ＭＳ Ｐゴシック" panose="020B0600070205080204" pitchFamily="50" charset="-128"/>
                      </a:defRPr>
                    </a:pPr>
                    <a:fld id="{6B4F5BAB-5FDB-49A1-A6B0-AAF02D670194}" type="VALUE">
                      <a:rPr lang="en-US" altLang="zh-TW" sz="1000">
                        <a:latin typeface="ＭＳ Ｐゴシック" panose="020B0600070205080204" pitchFamily="50" charset="-128"/>
                        <a:ea typeface="ＭＳ Ｐゴシック" panose="020B0600070205080204" pitchFamily="50" charset="-128"/>
                      </a:rPr>
                      <a:pPr>
                        <a:defRPr sz="1000">
                          <a:latin typeface="ＭＳ Ｐゴシック" panose="020B0600070205080204" pitchFamily="50" charset="-128"/>
                          <a:ea typeface="ＭＳ Ｐゴシック" panose="020B0600070205080204" pitchFamily="50" charset="-128"/>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F29D-4638-A51F-556C451B3C2A}"/>
                </c:ext>
              </c:extLst>
            </c:dLbl>
            <c:dLbl>
              <c:idx val="1"/>
              <c:layout>
                <c:manualLayout>
                  <c:x val="-0.15600242362674627"/>
                  <c:y val="0.11692963959600473"/>
                </c:manualLayout>
              </c:layout>
              <c:tx>
                <c:rich>
                  <a:bodyPr wrap="square" lIns="38100" tIns="19050" rIns="38100" bIns="19050" anchor="ctr">
                    <a:spAutoFit/>
                  </a:bodyPr>
                  <a:lstStyle/>
                  <a:p>
                    <a:pPr>
                      <a:defRPr sz="1000">
                        <a:latin typeface="ＭＳ Ｐゴシック" panose="020B0600070205080204" pitchFamily="50" charset="-128"/>
                        <a:ea typeface="ＭＳ Ｐゴシック" panose="020B0600070205080204" pitchFamily="50" charset="-128"/>
                      </a:defRPr>
                    </a:pPr>
                    <a:r>
                      <a:rPr lang="ja-JP" altLang="en-US" sz="1000">
                        <a:latin typeface="ＭＳ Ｐゴシック" panose="020B0600070205080204" pitchFamily="50" charset="-128"/>
                        <a:ea typeface="ＭＳ Ｐゴシック" panose="020B0600070205080204" pitchFamily="50" charset="-128"/>
                      </a:rPr>
                      <a:t>商業</a:t>
                    </a:r>
                  </a:p>
                  <a:p>
                    <a:pPr>
                      <a:defRPr sz="1000">
                        <a:latin typeface="ＭＳ Ｐゴシック" panose="020B0600070205080204" pitchFamily="50" charset="-128"/>
                        <a:ea typeface="ＭＳ Ｐゴシック" panose="020B0600070205080204" pitchFamily="50" charset="-128"/>
                      </a:defRPr>
                    </a:pPr>
                    <a:r>
                      <a:rPr lang="en-US" altLang="ja-JP" sz="1000">
                        <a:latin typeface="ＭＳ Ｐゴシック" panose="020B0600070205080204" pitchFamily="50" charset="-128"/>
                        <a:ea typeface="ＭＳ Ｐゴシック" panose="020B0600070205080204" pitchFamily="50" charset="-128"/>
                      </a:rPr>
                      <a:t>61.3</a:t>
                    </a:r>
                    <a:r>
                      <a:rPr lang="ja-JP" altLang="en-US" sz="1000">
                        <a:latin typeface="ＭＳ Ｐゴシック" panose="020B0600070205080204" pitchFamily="50" charset="-128"/>
                        <a:ea typeface="ＭＳ Ｐゴシック" panose="020B0600070205080204" pitchFamily="50" charset="-128"/>
                      </a:rPr>
                      <a:t>兆円</a:t>
                    </a:r>
                  </a:p>
                  <a:p>
                    <a:pPr>
                      <a:defRPr sz="1000">
                        <a:latin typeface="ＭＳ Ｐゴシック" panose="020B0600070205080204" pitchFamily="50" charset="-128"/>
                        <a:ea typeface="ＭＳ Ｐゴシック" panose="020B0600070205080204" pitchFamily="50" charset="-128"/>
                      </a:defRPr>
                    </a:pPr>
                    <a:fld id="{479AA74A-E8C1-4E70-84B9-B4A4A038769C}" type="VALUE">
                      <a:rPr lang="en-US" altLang="ja-JP" sz="1000">
                        <a:latin typeface="ＭＳ Ｐゴシック" panose="020B0600070205080204" pitchFamily="50" charset="-128"/>
                        <a:ea typeface="ＭＳ Ｐゴシック" panose="020B0600070205080204" pitchFamily="50" charset="-128"/>
                      </a:rPr>
                      <a:pPr>
                        <a:defRPr sz="1000">
                          <a:latin typeface="ＭＳ Ｐゴシック" panose="020B0600070205080204" pitchFamily="50" charset="-128"/>
                          <a:ea typeface="ＭＳ Ｐゴシック" panose="020B0600070205080204" pitchFamily="50" charset="-128"/>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C-F29D-4638-A51F-556C451B3C2A}"/>
                </c:ext>
              </c:extLst>
            </c:dLbl>
            <c:dLbl>
              <c:idx val="2"/>
              <c:layout>
                <c:manualLayout>
                  <c:x val="-0.17578434145803551"/>
                  <c:y val="-5.3771454569739974E-2"/>
                </c:manualLayout>
              </c:layout>
              <c:tx>
                <c:rich>
                  <a:bodyPr wrap="square" lIns="38100" tIns="19050" rIns="38100" bIns="19050" anchor="ctr">
                    <a:spAutoFit/>
                  </a:bodyPr>
                  <a:lstStyle/>
                  <a:p>
                    <a:pPr>
                      <a:defRPr sz="1000">
                        <a:latin typeface="+mn-ea"/>
                        <a:ea typeface="+mn-ea"/>
                      </a:defRPr>
                    </a:pPr>
                    <a:r>
                      <a:rPr lang="ja-JP" altLang="en-US" sz="1000">
                        <a:latin typeface="+mn-ea"/>
                        <a:ea typeface="+mn-ea"/>
                      </a:rPr>
                      <a:t>不動産</a:t>
                    </a:r>
                  </a:p>
                  <a:p>
                    <a:pPr>
                      <a:defRPr sz="1000">
                        <a:latin typeface="+mn-ea"/>
                        <a:ea typeface="+mn-ea"/>
                      </a:defRPr>
                    </a:pPr>
                    <a:r>
                      <a:rPr lang="en-US" altLang="ja-JP" sz="1000">
                        <a:latin typeface="+mn-ea"/>
                        <a:ea typeface="+mn-ea"/>
                      </a:rPr>
                      <a:t>61.1</a:t>
                    </a:r>
                    <a:r>
                      <a:rPr lang="ja-JP" altLang="en-US" sz="1000">
                        <a:latin typeface="+mn-ea"/>
                        <a:ea typeface="+mn-ea"/>
                      </a:rPr>
                      <a:t>兆円</a:t>
                    </a:r>
                  </a:p>
                  <a:p>
                    <a:pPr>
                      <a:defRPr sz="1000">
                        <a:latin typeface="+mn-ea"/>
                        <a:ea typeface="+mn-ea"/>
                      </a:defRPr>
                    </a:pPr>
                    <a:fld id="{0BD1D49E-D1AE-4015-8D01-FD3AF4C481F4}" type="VALUE">
                      <a:rPr lang="en-US" altLang="ja-JP" sz="1000">
                        <a:latin typeface="+mn-ea"/>
                        <a:ea typeface="+mn-ea"/>
                      </a:rPr>
                      <a:pPr>
                        <a:defRPr sz="1000">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F29D-4638-A51F-556C451B3C2A}"/>
                </c:ext>
              </c:extLst>
            </c:dLbl>
            <c:dLbl>
              <c:idx val="3"/>
              <c:layout>
                <c:manualLayout>
                  <c:x val="-0.10429725660487846"/>
                  <c:y val="-0.1453006561592147"/>
                </c:manualLayout>
              </c:layout>
              <c:tx>
                <c:rich>
                  <a:bodyPr wrap="square" lIns="38100" tIns="19050" rIns="38100" bIns="19050" anchor="ctr">
                    <a:spAutoFit/>
                  </a:bodyPr>
                  <a:lstStyle/>
                  <a:p>
                    <a:pPr>
                      <a:defRPr sz="1000">
                        <a:latin typeface="+mn-ea"/>
                        <a:ea typeface="+mn-ea"/>
                      </a:defRPr>
                    </a:pPr>
                    <a:r>
                      <a:rPr lang="ja-JP" altLang="en-US" sz="1000">
                        <a:latin typeface="+mn-ea"/>
                        <a:ea typeface="+mn-ea"/>
                      </a:rPr>
                      <a:t>医療・福祉</a:t>
                    </a:r>
                  </a:p>
                  <a:p>
                    <a:pPr>
                      <a:defRPr sz="1000">
                        <a:latin typeface="+mn-ea"/>
                        <a:ea typeface="+mn-ea"/>
                      </a:defRPr>
                    </a:pPr>
                    <a:r>
                      <a:rPr lang="en-US" altLang="ja-JP" sz="1000">
                        <a:latin typeface="+mn-ea"/>
                        <a:ea typeface="+mn-ea"/>
                      </a:rPr>
                      <a:t>37.5</a:t>
                    </a:r>
                    <a:r>
                      <a:rPr lang="ja-JP" altLang="en-US" sz="1000">
                        <a:latin typeface="+mn-ea"/>
                        <a:ea typeface="+mn-ea"/>
                      </a:rPr>
                      <a:t>兆円</a:t>
                    </a:r>
                  </a:p>
                  <a:p>
                    <a:pPr>
                      <a:defRPr sz="1000">
                        <a:latin typeface="+mn-ea"/>
                        <a:ea typeface="+mn-ea"/>
                      </a:defRPr>
                    </a:pPr>
                    <a:fld id="{B61A55F6-9AC8-47A3-A812-2A49E8AA8736}" type="VALUE">
                      <a:rPr lang="en-US" altLang="ja-JP" sz="1000">
                        <a:latin typeface="+mn-ea"/>
                        <a:ea typeface="+mn-ea"/>
                      </a:rPr>
                      <a:pPr>
                        <a:defRPr sz="1000">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F29D-4638-A51F-556C451B3C2A}"/>
                </c:ext>
              </c:extLst>
            </c:dLbl>
            <c:dLbl>
              <c:idx val="4"/>
              <c:layout>
                <c:manualLayout>
                  <c:x val="-6.8045007557856155E-2"/>
                  <c:y val="-0.12279151500985074"/>
                </c:manualLayout>
              </c:layout>
              <c:tx>
                <c:rich>
                  <a:bodyPr wrap="square" lIns="38100" tIns="19050" rIns="38100" bIns="19050" anchor="ctr">
                    <a:spAutoFit/>
                  </a:bodyPr>
                  <a:lstStyle/>
                  <a:p>
                    <a:pPr>
                      <a:defRPr sz="1000">
                        <a:solidFill>
                          <a:schemeClr val="tx1"/>
                        </a:solidFill>
                        <a:latin typeface="+mn-ea"/>
                        <a:ea typeface="+mn-ea"/>
                      </a:defRPr>
                    </a:pPr>
                    <a:r>
                      <a:rPr lang="ja-JP" altLang="en-US" sz="1000" dirty="0">
                        <a:solidFill>
                          <a:schemeClr val="tx1"/>
                        </a:solidFill>
                        <a:latin typeface="+mn-ea"/>
                        <a:ea typeface="+mn-ea"/>
                      </a:rPr>
                      <a:t>建設</a:t>
                    </a:r>
                  </a:p>
                  <a:p>
                    <a:pPr>
                      <a:defRPr sz="1000">
                        <a:solidFill>
                          <a:schemeClr val="tx1"/>
                        </a:solidFill>
                        <a:latin typeface="+mn-ea"/>
                        <a:ea typeface="+mn-ea"/>
                      </a:defRPr>
                    </a:pPr>
                    <a:r>
                      <a:rPr lang="en-US" altLang="ja-JP" sz="1000" dirty="0" smtClean="0">
                        <a:solidFill>
                          <a:schemeClr val="tx1"/>
                        </a:solidFill>
                        <a:latin typeface="+mn-ea"/>
                        <a:ea typeface="+mn-ea"/>
                      </a:rPr>
                      <a:t>26.9</a:t>
                    </a:r>
                    <a:r>
                      <a:rPr lang="ja-JP" altLang="en-US" sz="1000" dirty="0" smtClean="0">
                        <a:solidFill>
                          <a:schemeClr val="tx1"/>
                        </a:solidFill>
                        <a:latin typeface="+mn-ea"/>
                        <a:ea typeface="+mn-ea"/>
                      </a:rPr>
                      <a:t>兆円</a:t>
                    </a:r>
                    <a:endParaRPr lang="ja-JP" altLang="en-US" sz="1000" dirty="0">
                      <a:solidFill>
                        <a:schemeClr val="tx1"/>
                      </a:solidFill>
                      <a:latin typeface="+mn-ea"/>
                      <a:ea typeface="+mn-ea"/>
                    </a:endParaRPr>
                  </a:p>
                  <a:p>
                    <a:pPr>
                      <a:defRPr sz="1000">
                        <a:solidFill>
                          <a:schemeClr val="tx1"/>
                        </a:solidFill>
                        <a:latin typeface="+mn-ea"/>
                        <a:ea typeface="+mn-ea"/>
                      </a:defRPr>
                    </a:pPr>
                    <a:fld id="{41346666-5245-4473-98BA-90A5C5E3FB8F}" type="VALUE">
                      <a:rPr lang="en-US" altLang="ja-JP" sz="1000">
                        <a:solidFill>
                          <a:schemeClr val="tx1"/>
                        </a:solidFill>
                        <a:latin typeface="+mn-ea"/>
                        <a:ea typeface="+mn-ea"/>
                      </a:rPr>
                      <a:pPr>
                        <a:defRPr sz="1000">
                          <a:solidFill>
                            <a:schemeClr val="tx1"/>
                          </a:solidFill>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F29D-4638-A51F-556C451B3C2A}"/>
                </c:ext>
              </c:extLst>
            </c:dLbl>
            <c:dLbl>
              <c:idx val="5"/>
              <c:layout>
                <c:manualLayout>
                  <c:x val="3.4282395494019929E-2"/>
                  <c:y val="-0.10481955621598157"/>
                </c:manualLayout>
              </c:layout>
              <c:tx>
                <c:rich>
                  <a:bodyPr wrap="square" lIns="38100" tIns="19050" rIns="38100" bIns="19050" anchor="ctr">
                    <a:spAutoFit/>
                  </a:bodyPr>
                  <a:lstStyle/>
                  <a:p>
                    <a:pPr>
                      <a:defRPr sz="1000">
                        <a:latin typeface="+mn-ea"/>
                        <a:ea typeface="+mn-ea"/>
                      </a:defRPr>
                    </a:pPr>
                    <a:r>
                      <a:rPr lang="ja-JP" altLang="en-US" sz="1000">
                        <a:latin typeface="+mn-ea"/>
                        <a:ea typeface="+mn-ea"/>
                      </a:rPr>
                      <a:t>対事業所</a:t>
                    </a:r>
                  </a:p>
                  <a:p>
                    <a:pPr>
                      <a:defRPr sz="1000">
                        <a:latin typeface="+mn-ea"/>
                        <a:ea typeface="+mn-ea"/>
                      </a:defRPr>
                    </a:pPr>
                    <a:r>
                      <a:rPr lang="ja-JP" altLang="en-US" sz="1000">
                        <a:latin typeface="+mn-ea"/>
                        <a:ea typeface="+mn-ea"/>
                      </a:rPr>
                      <a:t>サービス</a:t>
                    </a:r>
                  </a:p>
                  <a:p>
                    <a:pPr>
                      <a:defRPr sz="1000">
                        <a:latin typeface="+mn-ea"/>
                        <a:ea typeface="+mn-ea"/>
                      </a:defRPr>
                    </a:pPr>
                    <a:r>
                      <a:rPr lang="en-US" altLang="ja-JP" sz="1000">
                        <a:latin typeface="+mn-ea"/>
                        <a:ea typeface="+mn-ea"/>
                      </a:rPr>
                      <a:t>39.3</a:t>
                    </a:r>
                    <a:r>
                      <a:rPr lang="ja-JP" altLang="en-US" sz="1000">
                        <a:latin typeface="+mn-ea"/>
                        <a:ea typeface="+mn-ea"/>
                      </a:rPr>
                      <a:t>兆円</a:t>
                    </a:r>
                  </a:p>
                  <a:p>
                    <a:pPr>
                      <a:defRPr sz="1000">
                        <a:latin typeface="+mn-ea"/>
                        <a:ea typeface="+mn-ea"/>
                      </a:defRPr>
                    </a:pPr>
                    <a:fld id="{2DFF04B9-5DFA-436A-AEAE-BA676CCB1BAC}" type="VALUE">
                      <a:rPr lang="en-US" altLang="ja-JP" sz="1000">
                        <a:latin typeface="+mn-ea"/>
                        <a:ea typeface="+mn-ea"/>
                      </a:rPr>
                      <a:pPr>
                        <a:defRPr sz="1000">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F29D-4638-A51F-556C451B3C2A}"/>
                </c:ext>
              </c:extLst>
            </c:dLbl>
            <c:dLbl>
              <c:idx val="6"/>
              <c:layout>
                <c:manualLayout>
                  <c:x val="4.1381048722697343E-2"/>
                  <c:y val="-2.907000698595865E-3"/>
                </c:manualLayout>
              </c:layout>
              <c:tx>
                <c:rich>
                  <a:bodyPr wrap="square" lIns="38100" tIns="19050" rIns="38100" bIns="19050" anchor="ctr">
                    <a:spAutoFit/>
                  </a:bodyPr>
                  <a:lstStyle/>
                  <a:p>
                    <a:pPr>
                      <a:defRPr sz="1050">
                        <a:latin typeface="ＭＳ Ｐゴシック" panose="020B0600070205080204" pitchFamily="50" charset="-128"/>
                        <a:ea typeface="ＭＳ Ｐゴシック" panose="020B0600070205080204" pitchFamily="50" charset="-128"/>
                      </a:defRPr>
                    </a:pPr>
                    <a:r>
                      <a:rPr lang="zh-TW" altLang="en-US" sz="1050">
                        <a:latin typeface="ＭＳ Ｐゴシック" panose="020B0600070205080204" pitchFamily="50" charset="-128"/>
                        <a:ea typeface="ＭＳ Ｐゴシック" panose="020B0600070205080204" pitchFamily="50" charset="-128"/>
                      </a:rPr>
                      <a:t>輸送機械</a:t>
                    </a:r>
                  </a:p>
                  <a:p>
                    <a:pPr>
                      <a:defRPr sz="1050">
                        <a:latin typeface="ＭＳ Ｐゴシック" panose="020B0600070205080204" pitchFamily="50" charset="-128"/>
                        <a:ea typeface="ＭＳ Ｐゴシック" panose="020B0600070205080204" pitchFamily="50" charset="-128"/>
                      </a:defRPr>
                    </a:pPr>
                    <a:r>
                      <a:rPr lang="en-US" altLang="zh-TW" sz="1050">
                        <a:latin typeface="ＭＳ Ｐゴシック" panose="020B0600070205080204" pitchFamily="50" charset="-128"/>
                        <a:ea typeface="ＭＳ Ｐゴシック" panose="020B0600070205080204" pitchFamily="50" charset="-128"/>
                      </a:rPr>
                      <a:t>11.3</a:t>
                    </a:r>
                    <a:r>
                      <a:rPr lang="zh-TW" altLang="en-US" sz="1050">
                        <a:latin typeface="ＭＳ Ｐゴシック" panose="020B0600070205080204" pitchFamily="50" charset="-128"/>
                        <a:ea typeface="ＭＳ Ｐゴシック" panose="020B0600070205080204" pitchFamily="50" charset="-128"/>
                      </a:rPr>
                      <a:t>兆円</a:t>
                    </a:r>
                  </a:p>
                  <a:p>
                    <a:pPr>
                      <a:defRPr sz="1050">
                        <a:latin typeface="ＭＳ Ｐゴシック" panose="020B0600070205080204" pitchFamily="50" charset="-128"/>
                        <a:ea typeface="ＭＳ Ｐゴシック" panose="020B0600070205080204" pitchFamily="50" charset="-128"/>
                      </a:defRPr>
                    </a:pPr>
                    <a:fld id="{7382AC70-6CF9-4B16-8B3F-2E6BDC2EED4E}" type="VALUE">
                      <a:rPr lang="en-US" altLang="zh-TW" sz="1050">
                        <a:latin typeface="ＭＳ Ｐゴシック" panose="020B0600070205080204" pitchFamily="50" charset="-128"/>
                        <a:ea typeface="ＭＳ Ｐゴシック" panose="020B0600070205080204" pitchFamily="50" charset="-128"/>
                      </a:rPr>
                      <a:pPr>
                        <a:defRPr sz="1050">
                          <a:latin typeface="ＭＳ Ｐゴシック" panose="020B0600070205080204" pitchFamily="50" charset="-128"/>
                          <a:ea typeface="ＭＳ Ｐゴシック" panose="020B0600070205080204" pitchFamily="50" charset="-128"/>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D-F29D-4638-A51F-556C451B3C2A}"/>
                </c:ext>
              </c:extLst>
            </c:dLbl>
            <c:dLbl>
              <c:idx val="7"/>
              <c:layout>
                <c:manualLayout>
                  <c:x val="-4.1631211138029742E-2"/>
                  <c:y val="-3.5199658301524182E-2"/>
                </c:manualLayout>
              </c:layout>
              <c:tx>
                <c:rich>
                  <a:bodyPr wrap="square" lIns="38100" tIns="19050" rIns="38100" bIns="19050" anchor="ctr">
                    <a:spAutoFit/>
                  </a:bodyPr>
                  <a:lstStyle/>
                  <a:p>
                    <a:pPr>
                      <a:defRPr sz="1050">
                        <a:latin typeface="+mn-ea"/>
                        <a:ea typeface="+mn-ea"/>
                      </a:defRPr>
                    </a:pPr>
                    <a:r>
                      <a:rPr lang="ja-JP" altLang="en-US" sz="1050" dirty="0"/>
                      <a:t>対個人</a:t>
                    </a:r>
                  </a:p>
                  <a:p>
                    <a:pPr>
                      <a:defRPr sz="1050">
                        <a:latin typeface="+mn-ea"/>
                        <a:ea typeface="+mn-ea"/>
                      </a:defRPr>
                    </a:pPr>
                    <a:r>
                      <a:rPr lang="ja-JP" altLang="en-US" sz="1050" dirty="0"/>
                      <a:t>サービス</a:t>
                    </a:r>
                  </a:p>
                  <a:p>
                    <a:pPr>
                      <a:defRPr sz="1050">
                        <a:latin typeface="+mn-ea"/>
                        <a:ea typeface="+mn-ea"/>
                      </a:defRPr>
                    </a:pPr>
                    <a:r>
                      <a:rPr lang="en-US" altLang="ja-JP" sz="1050" dirty="0"/>
                      <a:t>27.3</a:t>
                    </a:r>
                    <a:r>
                      <a:rPr lang="ja-JP" altLang="en-US" sz="1050" dirty="0"/>
                      <a:t>兆円</a:t>
                    </a:r>
                  </a:p>
                  <a:p>
                    <a:pPr>
                      <a:defRPr sz="1050">
                        <a:latin typeface="+mn-ea"/>
                        <a:ea typeface="+mn-ea"/>
                      </a:defRPr>
                    </a:pPr>
                    <a:fld id="{A140B9C2-0C54-4BBB-82B3-EF0BC71066BA}" type="VALUE">
                      <a:rPr lang="en-US" altLang="ja-JP" sz="1050"/>
                      <a:pPr>
                        <a:defRPr sz="1050">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B-F29D-4638-A51F-556C451B3C2A}"/>
                </c:ext>
              </c:extLst>
            </c:dLbl>
            <c:dLbl>
              <c:idx val="8"/>
              <c:layout>
                <c:manualLayout>
                  <c:x val="0.19835119207138491"/>
                  <c:y val="9.4920192339800313E-2"/>
                </c:manualLayout>
              </c:layout>
              <c:tx>
                <c:rich>
                  <a:bodyPr wrap="square" lIns="38100" tIns="19050" rIns="38100" bIns="19050" anchor="ctr">
                    <a:spAutoFit/>
                  </a:bodyPr>
                  <a:lstStyle/>
                  <a:p>
                    <a:pPr>
                      <a:defRPr sz="1050">
                        <a:latin typeface="+mn-ea"/>
                        <a:ea typeface="+mn-ea"/>
                      </a:defRPr>
                    </a:pPr>
                    <a:r>
                      <a:rPr lang="ja-JP" altLang="en-US" sz="1050" dirty="0"/>
                      <a:t>その他産業</a:t>
                    </a:r>
                  </a:p>
                  <a:p>
                    <a:pPr>
                      <a:defRPr sz="1050">
                        <a:latin typeface="+mn-ea"/>
                        <a:ea typeface="+mn-ea"/>
                      </a:defRPr>
                    </a:pPr>
                    <a:r>
                      <a:rPr lang="en-US" altLang="ja-JP" sz="1050" dirty="0"/>
                      <a:t>173.9</a:t>
                    </a:r>
                    <a:r>
                      <a:rPr lang="ja-JP" altLang="en-US" sz="1050" dirty="0"/>
                      <a:t>兆円</a:t>
                    </a:r>
                  </a:p>
                  <a:p>
                    <a:pPr>
                      <a:defRPr sz="1050">
                        <a:latin typeface="+mn-ea"/>
                        <a:ea typeface="+mn-ea"/>
                      </a:defRPr>
                    </a:pPr>
                    <a:fld id="{F03E98C1-0CF1-449D-8106-A528E4FCB57C}" type="VALUE">
                      <a:rPr lang="en-US" altLang="ja-JP" sz="1050"/>
                      <a:pPr>
                        <a:defRPr sz="1050">
                          <a:latin typeface="+mn-ea"/>
                          <a:ea typeface="+mn-ea"/>
                        </a:defRPr>
                      </a:pPr>
                      <a:t>[値]</a:t>
                    </a:fld>
                    <a:endParaRPr lang="ja-JP" altLang="en-US"/>
                  </a:p>
                </c:rich>
              </c:tx>
              <c:spPr>
                <a:solidFill>
                  <a:schemeClr val="bg1"/>
                </a:solidFill>
                <a:ln>
                  <a:noFill/>
                </a:ln>
                <a:effectLst/>
              </c:spPr>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E-F29D-4638-A51F-556C451B3C2A}"/>
                </c:ext>
              </c:extLst>
            </c:dLbl>
            <c:spPr>
              <a:solidFill>
                <a:schemeClr val="bg1"/>
              </a:solidFill>
              <a:ln>
                <a:noFill/>
              </a:ln>
              <a:effectLst/>
            </c:spPr>
            <c:txPr>
              <a:bodyPr wrap="square" lIns="38100" tIns="19050" rIns="38100" bIns="19050" anchor="ctr">
                <a:spAutoFit/>
              </a:bodyPr>
              <a:lstStyle/>
              <a:p>
                <a:pPr>
                  <a:defRPr sz="900">
                    <a:latin typeface="+mn-ea"/>
                    <a:ea typeface="+mn-ea"/>
                  </a:defRPr>
                </a:pPr>
                <a:endParaRPr lang="ja-JP"/>
              </a:p>
            </c:txPr>
            <c:dLblPos val="bestFit"/>
            <c:showLegendKey val="0"/>
            <c:showVal val="1"/>
            <c:showCatName val="0"/>
            <c:showSerName val="0"/>
            <c:showPercent val="0"/>
            <c:showBubbleSize val="0"/>
            <c:showLeaderLines val="1"/>
            <c:extLst>
              <c:ext xmlns:c15="http://schemas.microsoft.com/office/drawing/2012/chart" uri="{CE6537A1-D6FC-4f65-9D91-7224C49458BB}"/>
            </c:extLst>
          </c:dLbls>
          <c:cat>
            <c:strRef>
              <c:f>GDP構成比!$E$5:$E$13</c:f>
              <c:strCache>
                <c:ptCount val="9"/>
                <c:pt idx="0">
                  <c:v>情報通信産業</c:v>
                </c:pt>
                <c:pt idx="1">
                  <c:v>商業</c:v>
                </c:pt>
                <c:pt idx="2">
                  <c:v>不動産</c:v>
                </c:pt>
                <c:pt idx="3">
                  <c:v>医療・福祉</c:v>
                </c:pt>
                <c:pt idx="4">
                  <c:v>建設</c:v>
                </c:pt>
                <c:pt idx="5">
                  <c:v>対事業所サービス</c:v>
                </c:pt>
                <c:pt idx="6">
                  <c:v>輸送機械</c:v>
                </c:pt>
                <c:pt idx="7">
                  <c:v>対個人サービス</c:v>
                </c:pt>
                <c:pt idx="8">
                  <c:v>その他産業</c:v>
                </c:pt>
              </c:strCache>
            </c:strRef>
          </c:cat>
          <c:val>
            <c:numRef>
              <c:f>GDP構成比!$F$5:$F$13</c:f>
              <c:numCache>
                <c:formatCode>0.0%</c:formatCode>
                <c:ptCount val="9"/>
                <c:pt idx="0">
                  <c:v>9.6735318997805159E-2</c:v>
                </c:pt>
                <c:pt idx="1">
                  <c:v>0.12626762875426714</c:v>
                </c:pt>
                <c:pt idx="2">
                  <c:v>0.12576707429650452</c:v>
                </c:pt>
                <c:pt idx="3">
                  <c:v>7.7262112850754183E-2</c:v>
                </c:pt>
                <c:pt idx="4">
                  <c:v>5.5458652620705901E-2</c:v>
                </c:pt>
                <c:pt idx="5">
                  <c:v>8.0958037190809795E-2</c:v>
                </c:pt>
                <c:pt idx="6">
                  <c:v>2.3257414672772384E-2</c:v>
                </c:pt>
                <c:pt idx="7">
                  <c:v>5.6130094490475652E-2</c:v>
                </c:pt>
                <c:pt idx="8">
                  <c:v>0.35816366612590517</c:v>
                </c:pt>
              </c:numCache>
            </c:numRef>
          </c:val>
          <c:extLst>
            <c:ext xmlns:c16="http://schemas.microsoft.com/office/drawing/2014/chart" uri="{C3380CC4-5D6E-409C-BE32-E72D297353CC}">
              <c16:uniqueId val="{0000000F-F29D-4638-A51F-556C451B3C2A}"/>
            </c:ext>
          </c:extLst>
        </c:ser>
        <c:dLbls>
          <c:dLblPos val="bestFit"/>
          <c:showLegendKey val="0"/>
          <c:showVal val="1"/>
          <c:showCatName val="0"/>
          <c:showSerName val="0"/>
          <c:showPercent val="0"/>
          <c:showBubbleSize val="0"/>
          <c:showLeaderLines val="1"/>
        </c:dLbls>
        <c:firstSliceAng val="0"/>
      </c:pieChart>
    </c:plotArea>
    <c:plotVisOnly val="1"/>
    <c:dispBlanksAs val="gap"/>
    <c:showDLblsOverMax val="0"/>
  </c:chart>
  <c:externalData r:id="rId1">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033320334641301"/>
          <c:y val="3.2631669812916729E-2"/>
          <c:w val="0.60384587348621332"/>
          <c:h val="0.89974906370421592"/>
        </c:manualLayout>
      </c:layout>
      <c:barChart>
        <c:barDir val="col"/>
        <c:grouping val="stacked"/>
        <c:varyColors val="0"/>
        <c:ser>
          <c:idx val="0"/>
          <c:order val="0"/>
          <c:tx>
            <c:strRef>
              <c:f>GDP推移!$B$5</c:f>
              <c:strCache>
                <c:ptCount val="1"/>
                <c:pt idx="0">
                  <c:v>通信業</c:v>
                </c:pt>
              </c:strCache>
            </c:strRef>
          </c:tx>
          <c:spPr>
            <a:solidFill>
              <a:srgbClr val="002060"/>
            </a:solidFill>
            <a:ln>
              <a:solidFill>
                <a:srgbClr val="002060"/>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5:$K$5</c:f>
              <c:numCache>
                <c:formatCode>#,##0</c:formatCode>
                <c:ptCount val="9"/>
                <c:pt idx="0">
                  <c:v>8566.3129957810397</c:v>
                </c:pt>
                <c:pt idx="1">
                  <c:v>9192.2780000000002</c:v>
                </c:pt>
                <c:pt idx="2">
                  <c:v>8547.2274915905764</c:v>
                </c:pt>
                <c:pt idx="3">
                  <c:v>8418.1452762213903</c:v>
                </c:pt>
                <c:pt idx="4">
                  <c:v>8073.9996309171356</c:v>
                </c:pt>
                <c:pt idx="5">
                  <c:v>9566.8995588998623</c:v>
                </c:pt>
                <c:pt idx="6">
                  <c:v>10302.865001824473</c:v>
                </c:pt>
                <c:pt idx="7">
                  <c:v>10872.3808128364</c:v>
                </c:pt>
                <c:pt idx="8">
                  <c:v>11074.953556671329</c:v>
                </c:pt>
              </c:numCache>
            </c:numRef>
          </c:val>
          <c:extLst>
            <c:ext xmlns:c16="http://schemas.microsoft.com/office/drawing/2014/chart" uri="{C3380CC4-5D6E-409C-BE32-E72D297353CC}">
              <c16:uniqueId val="{00000000-D75F-4924-ACB7-1A6B229B7C56}"/>
            </c:ext>
          </c:extLst>
        </c:ser>
        <c:ser>
          <c:idx val="1"/>
          <c:order val="1"/>
          <c:tx>
            <c:strRef>
              <c:f>GDP推移!$B$6</c:f>
              <c:strCache>
                <c:ptCount val="1"/>
                <c:pt idx="0">
                  <c:v>放送業</c:v>
                </c:pt>
              </c:strCache>
            </c:strRef>
          </c:tx>
          <c:spPr>
            <a:pattFill prst="ltDnDiag">
              <a:fgClr>
                <a:schemeClr val="bg2">
                  <a:lumMod val="50000"/>
                </a:schemeClr>
              </a:fgClr>
              <a:bgClr>
                <a:schemeClr val="bg1"/>
              </a:bgClr>
            </a:pattFill>
            <a:ln>
              <a:solidFill>
                <a:schemeClr val="bg2">
                  <a:lumMod val="50000"/>
                </a:schemeClr>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6:$K$6</c:f>
              <c:numCache>
                <c:formatCode>#,##0</c:formatCode>
                <c:ptCount val="9"/>
                <c:pt idx="0">
                  <c:v>1511.7009179409288</c:v>
                </c:pt>
                <c:pt idx="1">
                  <c:v>1417.1949999999999</c:v>
                </c:pt>
                <c:pt idx="2">
                  <c:v>1343.4621700919549</c:v>
                </c:pt>
                <c:pt idx="3">
                  <c:v>1448.945415005039</c:v>
                </c:pt>
                <c:pt idx="4">
                  <c:v>1445.6927504267244</c:v>
                </c:pt>
                <c:pt idx="5">
                  <c:v>1454.5189494915171</c:v>
                </c:pt>
                <c:pt idx="6">
                  <c:v>1426.7508336478825</c:v>
                </c:pt>
                <c:pt idx="7">
                  <c:v>1433.6474304762628</c:v>
                </c:pt>
                <c:pt idx="8">
                  <c:v>1495.4470348668706</c:v>
                </c:pt>
              </c:numCache>
            </c:numRef>
          </c:val>
          <c:extLst>
            <c:ext xmlns:c16="http://schemas.microsoft.com/office/drawing/2014/chart" uri="{C3380CC4-5D6E-409C-BE32-E72D297353CC}">
              <c16:uniqueId val="{00000001-D75F-4924-ACB7-1A6B229B7C56}"/>
            </c:ext>
          </c:extLst>
        </c:ser>
        <c:ser>
          <c:idx val="2"/>
          <c:order val="2"/>
          <c:tx>
            <c:strRef>
              <c:f>GDP推移!$B$7</c:f>
              <c:strCache>
                <c:ptCount val="1"/>
                <c:pt idx="0">
                  <c:v>情報サービス業</c:v>
                </c:pt>
              </c:strCache>
            </c:strRef>
          </c:tx>
          <c:spPr>
            <a:pattFill prst="pct75">
              <a:fgClr>
                <a:schemeClr val="accent5"/>
              </a:fgClr>
              <a:bgClr>
                <a:schemeClr val="bg1"/>
              </a:bgClr>
            </a:pattFill>
            <a:ln>
              <a:solidFill>
                <a:schemeClr val="accent5"/>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7:$K$7</c:f>
              <c:numCache>
                <c:formatCode>#,##0</c:formatCode>
                <c:ptCount val="9"/>
                <c:pt idx="0">
                  <c:v>10290.222813948552</c:v>
                </c:pt>
                <c:pt idx="1">
                  <c:v>9971.07</c:v>
                </c:pt>
                <c:pt idx="2">
                  <c:v>9991.4666741918045</c:v>
                </c:pt>
                <c:pt idx="3">
                  <c:v>10259.095142787201</c:v>
                </c:pt>
                <c:pt idx="4">
                  <c:v>10282.527353099646</c:v>
                </c:pt>
                <c:pt idx="5">
                  <c:v>10462.604586904046</c:v>
                </c:pt>
                <c:pt idx="6">
                  <c:v>10491.736155593908</c:v>
                </c:pt>
                <c:pt idx="7">
                  <c:v>10788.61971260871</c:v>
                </c:pt>
                <c:pt idx="8">
                  <c:v>10866.942550881213</c:v>
                </c:pt>
              </c:numCache>
            </c:numRef>
          </c:val>
          <c:extLst>
            <c:ext xmlns:c16="http://schemas.microsoft.com/office/drawing/2014/chart" uri="{C3380CC4-5D6E-409C-BE32-E72D297353CC}">
              <c16:uniqueId val="{00000002-D75F-4924-ACB7-1A6B229B7C56}"/>
            </c:ext>
          </c:extLst>
        </c:ser>
        <c:ser>
          <c:idx val="3"/>
          <c:order val="3"/>
          <c:tx>
            <c:strRef>
              <c:f>GDP推移!$B$8</c:f>
              <c:strCache>
                <c:ptCount val="1"/>
                <c:pt idx="0">
                  <c:v>インターネット附随サービス業</c:v>
                </c:pt>
              </c:strCache>
            </c:strRef>
          </c:tx>
          <c:spPr>
            <a:solidFill>
              <a:srgbClr val="7030A0"/>
            </a:solidFill>
            <a:ln>
              <a:solidFill>
                <a:srgbClr val="7030A0"/>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8:$K$8</c:f>
              <c:numCache>
                <c:formatCode>#,##0</c:formatCode>
                <c:ptCount val="9"/>
                <c:pt idx="0">
                  <c:v>454.92005900197717</c:v>
                </c:pt>
                <c:pt idx="1">
                  <c:v>499.74400000000003</c:v>
                </c:pt>
                <c:pt idx="2">
                  <c:v>480.01955554714283</c:v>
                </c:pt>
                <c:pt idx="3">
                  <c:v>547.81808083192527</c:v>
                </c:pt>
                <c:pt idx="4">
                  <c:v>624.78241690094035</c:v>
                </c:pt>
                <c:pt idx="5">
                  <c:v>827.53470137503916</c:v>
                </c:pt>
                <c:pt idx="6">
                  <c:v>832.55679862419447</c:v>
                </c:pt>
                <c:pt idx="7">
                  <c:v>933.85424258214596</c:v>
                </c:pt>
                <c:pt idx="8">
                  <c:v>1088.0606934243135</c:v>
                </c:pt>
              </c:numCache>
            </c:numRef>
          </c:val>
          <c:extLst>
            <c:ext xmlns:c16="http://schemas.microsoft.com/office/drawing/2014/chart" uri="{C3380CC4-5D6E-409C-BE32-E72D297353CC}">
              <c16:uniqueId val="{00000003-D75F-4924-ACB7-1A6B229B7C56}"/>
            </c:ext>
          </c:extLst>
        </c:ser>
        <c:ser>
          <c:idx val="4"/>
          <c:order val="4"/>
          <c:tx>
            <c:strRef>
              <c:f>GDP推移!$B$9</c:f>
              <c:strCache>
                <c:ptCount val="1"/>
                <c:pt idx="0">
                  <c:v>映像・音声・文字情報制作業</c:v>
                </c:pt>
              </c:strCache>
            </c:strRef>
          </c:tx>
          <c:spPr>
            <a:pattFill prst="narHorz">
              <a:fgClr>
                <a:srgbClr val="FF0000"/>
              </a:fgClr>
              <a:bgClr>
                <a:schemeClr val="bg1"/>
              </a:bgClr>
            </a:pattFill>
            <a:ln>
              <a:solidFill>
                <a:srgbClr val="FF0000"/>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9:$K$9</c:f>
              <c:numCache>
                <c:formatCode>#,##0</c:formatCode>
                <c:ptCount val="9"/>
                <c:pt idx="0">
                  <c:v>2602.0670124259882</c:v>
                </c:pt>
                <c:pt idx="1">
                  <c:v>2319.0529999999999</c:v>
                </c:pt>
                <c:pt idx="2">
                  <c:v>2459.9285241122047</c:v>
                </c:pt>
                <c:pt idx="3">
                  <c:v>2487.702806272664</c:v>
                </c:pt>
                <c:pt idx="4">
                  <c:v>2506.9658457625364</c:v>
                </c:pt>
                <c:pt idx="5">
                  <c:v>2264.9870960193684</c:v>
                </c:pt>
                <c:pt idx="6">
                  <c:v>2363.7526126515859</c:v>
                </c:pt>
                <c:pt idx="7">
                  <c:v>2356.3119960736281</c:v>
                </c:pt>
                <c:pt idx="8">
                  <c:v>2262.6735720353522</c:v>
                </c:pt>
              </c:numCache>
            </c:numRef>
          </c:val>
          <c:extLst>
            <c:ext xmlns:c16="http://schemas.microsoft.com/office/drawing/2014/chart" uri="{C3380CC4-5D6E-409C-BE32-E72D297353CC}">
              <c16:uniqueId val="{00000004-D75F-4924-ACB7-1A6B229B7C56}"/>
            </c:ext>
          </c:extLst>
        </c:ser>
        <c:ser>
          <c:idx val="5"/>
          <c:order val="5"/>
          <c:tx>
            <c:strRef>
              <c:f>GDP推移!$B$10</c:f>
              <c:strCache>
                <c:ptCount val="1"/>
                <c:pt idx="0">
                  <c:v>情報通信関連製造業</c:v>
                </c:pt>
              </c:strCache>
            </c:strRef>
          </c:tx>
          <c:spPr>
            <a:pattFill prst="smCheck">
              <a:fgClr>
                <a:schemeClr val="tx2">
                  <a:lumMod val="60000"/>
                  <a:lumOff val="40000"/>
                </a:schemeClr>
              </a:fgClr>
              <a:bgClr>
                <a:schemeClr val="bg1"/>
              </a:bgClr>
            </a:pattFill>
            <a:ln>
              <a:solidFill>
                <a:schemeClr val="tx2">
                  <a:lumMod val="60000"/>
                  <a:lumOff val="40000"/>
                </a:schemeClr>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10:$K$10</c:f>
              <c:numCache>
                <c:formatCode>#,##0</c:formatCode>
                <c:ptCount val="9"/>
                <c:pt idx="0">
                  <c:v>5089.8122441236455</c:v>
                </c:pt>
                <c:pt idx="1">
                  <c:v>5890.1239382656186</c:v>
                </c:pt>
                <c:pt idx="2">
                  <c:v>5230.9349845085953</c:v>
                </c:pt>
                <c:pt idx="3">
                  <c:v>5306.3697118550435</c:v>
                </c:pt>
                <c:pt idx="4">
                  <c:v>5940.5807926303714</c:v>
                </c:pt>
                <c:pt idx="5">
                  <c:v>6258.0128446762101</c:v>
                </c:pt>
                <c:pt idx="6">
                  <c:v>5910.9188023211527</c:v>
                </c:pt>
                <c:pt idx="7">
                  <c:v>5960.1439354820841</c:v>
                </c:pt>
                <c:pt idx="8">
                  <c:v>5983.0608922870633</c:v>
                </c:pt>
              </c:numCache>
            </c:numRef>
          </c:val>
          <c:extLst>
            <c:ext xmlns:c16="http://schemas.microsoft.com/office/drawing/2014/chart" uri="{C3380CC4-5D6E-409C-BE32-E72D297353CC}">
              <c16:uniqueId val="{00000005-D75F-4924-ACB7-1A6B229B7C56}"/>
            </c:ext>
          </c:extLst>
        </c:ser>
        <c:ser>
          <c:idx val="6"/>
          <c:order val="6"/>
          <c:tx>
            <c:strRef>
              <c:f>GDP推移!$B$11</c:f>
              <c:strCache>
                <c:ptCount val="1"/>
                <c:pt idx="0">
                  <c:v>情報通信関連サービス業</c:v>
                </c:pt>
              </c:strCache>
            </c:strRef>
          </c:tx>
          <c:spPr>
            <a:pattFill prst="pct25">
              <a:fgClr>
                <a:srgbClr val="FFC000"/>
              </a:fgClr>
              <a:bgClr>
                <a:schemeClr val="bg1"/>
              </a:bgClr>
            </a:pattFill>
            <a:ln>
              <a:solidFill>
                <a:srgbClr val="00B050"/>
              </a:solidFill>
            </a:ln>
          </c:spPr>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11:$K$11</c:f>
              <c:numCache>
                <c:formatCode>#,##0</c:formatCode>
                <c:ptCount val="9"/>
                <c:pt idx="0">
                  <c:v>6081.1936760042845</c:v>
                </c:pt>
                <c:pt idx="1">
                  <c:v>5767.2025037058847</c:v>
                </c:pt>
                <c:pt idx="2">
                  <c:v>6059.4492175718997</c:v>
                </c:pt>
                <c:pt idx="3">
                  <c:v>6231.5853372212478</c:v>
                </c:pt>
                <c:pt idx="4">
                  <c:v>6319.9242475932397</c:v>
                </c:pt>
                <c:pt idx="5">
                  <c:v>6182.8073336397911</c:v>
                </c:pt>
                <c:pt idx="6">
                  <c:v>6199.8929470796702</c:v>
                </c:pt>
                <c:pt idx="7">
                  <c:v>6036.948375002491</c:v>
                </c:pt>
                <c:pt idx="8">
                  <c:v>6117.2914977862274</c:v>
                </c:pt>
              </c:numCache>
            </c:numRef>
          </c:val>
          <c:extLst>
            <c:ext xmlns:c16="http://schemas.microsoft.com/office/drawing/2014/chart" uri="{C3380CC4-5D6E-409C-BE32-E72D297353CC}">
              <c16:uniqueId val="{00000006-D75F-4924-ACB7-1A6B229B7C56}"/>
            </c:ext>
          </c:extLst>
        </c:ser>
        <c:ser>
          <c:idx val="7"/>
          <c:order val="7"/>
          <c:tx>
            <c:strRef>
              <c:f>GDP推移!$B$12</c:f>
              <c:strCache>
                <c:ptCount val="1"/>
                <c:pt idx="0">
                  <c:v>情報通信関連建設業</c:v>
                </c:pt>
              </c:strCache>
            </c:strRef>
          </c:tx>
          <c:invertIfNegative val="0"/>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12:$K$12</c:f>
              <c:numCache>
                <c:formatCode>#,##0</c:formatCode>
                <c:ptCount val="9"/>
                <c:pt idx="0">
                  <c:v>125.88400257975063</c:v>
                </c:pt>
                <c:pt idx="1">
                  <c:v>119.042</c:v>
                </c:pt>
                <c:pt idx="2">
                  <c:v>125.7848970707457</c:v>
                </c:pt>
                <c:pt idx="3">
                  <c:v>140.16728625800533</c:v>
                </c:pt>
                <c:pt idx="4">
                  <c:v>106.87371681237502</c:v>
                </c:pt>
                <c:pt idx="5">
                  <c:v>83.527272412691474</c:v>
                </c:pt>
                <c:pt idx="6">
                  <c:v>91.598912961459533</c:v>
                </c:pt>
                <c:pt idx="7">
                  <c:v>80.800134470136456</c:v>
                </c:pt>
                <c:pt idx="8">
                  <c:v>73.269754072323451</c:v>
                </c:pt>
              </c:numCache>
            </c:numRef>
          </c:val>
          <c:extLst>
            <c:ext xmlns:c16="http://schemas.microsoft.com/office/drawing/2014/chart" uri="{C3380CC4-5D6E-409C-BE32-E72D297353CC}">
              <c16:uniqueId val="{00000007-D75F-4924-ACB7-1A6B229B7C56}"/>
            </c:ext>
          </c:extLst>
        </c:ser>
        <c:ser>
          <c:idx val="8"/>
          <c:order val="8"/>
          <c:tx>
            <c:strRef>
              <c:f>GDP推移!$B$13</c:f>
              <c:strCache>
                <c:ptCount val="1"/>
                <c:pt idx="0">
                  <c:v>研究</c:v>
                </c:pt>
              </c:strCache>
            </c:strRef>
          </c:tx>
          <c:spPr>
            <a:pattFill prst="dkUpDiag">
              <a:fgClr>
                <a:srgbClr val="00B050"/>
              </a:fgClr>
              <a:bgClr>
                <a:schemeClr val="bg1"/>
              </a:bgClr>
            </a:pattFill>
            <a:ln>
              <a:solidFill>
                <a:srgbClr val="00B050"/>
              </a:solidFill>
            </a:ln>
          </c:spPr>
          <c:invertIfNegative val="0"/>
          <c:dLbls>
            <c:dLbl>
              <c:idx val="0"/>
              <c:layout>
                <c:manualLayout>
                  <c:x val="-2.5462668816039986E-17"/>
                  <c:y val="-7.9840319361277459E-2"/>
                </c:manualLayout>
              </c:layout>
              <c:tx>
                <c:rich>
                  <a:bodyPr/>
                  <a:lstStyle/>
                  <a:p>
                    <a:r>
                      <a:rPr lang="en-US" altLang="ja-JP"/>
                      <a:t>41,679</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75F-4924-ACB7-1A6B229B7C56}"/>
                </c:ext>
              </c:extLst>
            </c:dLbl>
            <c:dLbl>
              <c:idx val="1"/>
              <c:layout>
                <c:manualLayout>
                  <c:x val="-2.5462668816039986E-17"/>
                  <c:y val="-7.5848303393213592E-2"/>
                </c:manualLayout>
              </c:layout>
              <c:tx>
                <c:rich>
                  <a:bodyPr/>
                  <a:lstStyle/>
                  <a:p>
                    <a:r>
                      <a:rPr lang="en-US" altLang="ja-JP"/>
                      <a:t>42,390</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75F-4924-ACB7-1A6B229B7C56}"/>
                </c:ext>
              </c:extLst>
            </c:dLbl>
            <c:dLbl>
              <c:idx val="2"/>
              <c:layout>
                <c:manualLayout>
                  <c:x val="-2.7777777777778286E-3"/>
                  <c:y val="-7.9840319361277445E-2"/>
                </c:manualLayout>
              </c:layout>
              <c:tx>
                <c:rich>
                  <a:bodyPr/>
                  <a:lstStyle/>
                  <a:p>
                    <a:r>
                      <a:rPr lang="en-US" altLang="ja-JP"/>
                      <a:t>41,522</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75F-4924-ACB7-1A6B229B7C56}"/>
                </c:ext>
              </c:extLst>
            </c:dLbl>
            <c:dLbl>
              <c:idx val="3"/>
              <c:layout>
                <c:manualLayout>
                  <c:x val="0"/>
                  <c:y val="-7.9840319361277445E-2"/>
                </c:manualLayout>
              </c:layout>
              <c:tx>
                <c:rich>
                  <a:bodyPr/>
                  <a:lstStyle/>
                  <a:p>
                    <a:r>
                      <a:rPr lang="en-US" altLang="ja-JP"/>
                      <a:t>42,411</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75F-4924-ACB7-1A6B229B7C56}"/>
                </c:ext>
              </c:extLst>
            </c:dLbl>
            <c:dLbl>
              <c:idx val="4"/>
              <c:layout>
                <c:manualLayout>
                  <c:x val="-5.0925337632079971E-17"/>
                  <c:y val="-8.3832335329341312E-2"/>
                </c:manualLayout>
              </c:layout>
              <c:tx>
                <c:rich>
                  <a:bodyPr/>
                  <a:lstStyle/>
                  <a:p>
                    <a:r>
                      <a:rPr lang="en-US" altLang="ja-JP"/>
                      <a:t>43,651</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75F-4924-ACB7-1A6B229B7C56}"/>
                </c:ext>
              </c:extLst>
            </c:dLbl>
            <c:dLbl>
              <c:idx val="5"/>
              <c:layout>
                <c:manualLayout>
                  <c:x val="0"/>
                  <c:y val="-7.9840319361277431E-2"/>
                </c:manualLayout>
              </c:layout>
              <c:tx>
                <c:rich>
                  <a:bodyPr/>
                  <a:lstStyle/>
                  <a:p>
                    <a:r>
                      <a:rPr lang="en-US" altLang="ja-JP"/>
                      <a:t>45,262</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75F-4924-ACB7-1A6B229B7C56}"/>
                </c:ext>
              </c:extLst>
            </c:dLbl>
            <c:dLbl>
              <c:idx val="6"/>
              <c:layout>
                <c:manualLayout>
                  <c:x val="0"/>
                  <c:y val="-7.9840319361277459E-2"/>
                </c:manualLayout>
              </c:layout>
              <c:tx>
                <c:rich>
                  <a:bodyPr/>
                  <a:lstStyle/>
                  <a:p>
                    <a:r>
                      <a:rPr lang="en-US" altLang="ja-JP"/>
                      <a:t>45,418</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D75F-4924-ACB7-1A6B229B7C56}"/>
                </c:ext>
              </c:extLst>
            </c:dLbl>
            <c:dLbl>
              <c:idx val="7"/>
              <c:layout>
                <c:manualLayout>
                  <c:x val="-1.0185067526415994E-16"/>
                  <c:y val="-8.383233532934134E-2"/>
                </c:manualLayout>
              </c:layout>
              <c:tx>
                <c:rich>
                  <a:bodyPr/>
                  <a:lstStyle/>
                  <a:p>
                    <a:r>
                      <a:rPr lang="en-US" altLang="ja-JP"/>
                      <a:t>46,292</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75F-4924-ACB7-1A6B229B7C56}"/>
                </c:ext>
              </c:extLst>
            </c:dLbl>
            <c:dLbl>
              <c:idx val="8"/>
              <c:layout>
                <c:manualLayout>
                  <c:x val="0"/>
                  <c:y val="-9.3072669968142077E-2"/>
                </c:manualLayout>
              </c:layout>
              <c:tx>
                <c:rich>
                  <a:bodyPr/>
                  <a:lstStyle/>
                  <a:p>
                    <a:r>
                      <a:rPr lang="en-US" altLang="ja-JP"/>
                      <a:t>46,979</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75F-4924-ACB7-1A6B229B7C56}"/>
                </c:ext>
              </c:extLst>
            </c:dLbl>
            <c:spPr>
              <a:noFill/>
              <a:ln>
                <a:noFill/>
              </a:ln>
              <a:effectLst/>
            </c:spPr>
            <c:txPr>
              <a:bodyPr wrap="square" lIns="38100" tIns="19050" rIns="38100" bIns="19050" anchor="ctr">
                <a:spAutoFit/>
              </a:bodyPr>
              <a:lstStyle/>
              <a:p>
                <a:pPr>
                  <a:defRPr sz="800">
                    <a:latin typeface="ＭＳ Ｐゴシック" panose="020B0600070205080204" pitchFamily="50" charset="-128"/>
                    <a:ea typeface="ＭＳ Ｐゴシック" panose="020B0600070205080204" pitchFamily="50" charset="-128"/>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GDP推移!$C$4:$K$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GDP推移!$C$13:$K$13</c:f>
              <c:numCache>
                <c:formatCode>#,##0</c:formatCode>
                <c:ptCount val="9"/>
                <c:pt idx="0">
                  <c:v>6956.5968950922543</c:v>
                </c:pt>
                <c:pt idx="1">
                  <c:v>7214.4880000000003</c:v>
                </c:pt>
                <c:pt idx="2">
                  <c:v>7283.580754980977</c:v>
                </c:pt>
                <c:pt idx="3">
                  <c:v>7571.3902979951445</c:v>
                </c:pt>
                <c:pt idx="4">
                  <c:v>8349.4486637650061</c:v>
                </c:pt>
                <c:pt idx="5">
                  <c:v>8161.1248474243948</c:v>
                </c:pt>
                <c:pt idx="6">
                  <c:v>7797.6804142944338</c:v>
                </c:pt>
                <c:pt idx="7">
                  <c:v>7829.3689165095793</c:v>
                </c:pt>
                <c:pt idx="8">
                  <c:v>8017.5088165142715</c:v>
                </c:pt>
              </c:numCache>
            </c:numRef>
          </c:val>
          <c:extLst>
            <c:ext xmlns:c16="http://schemas.microsoft.com/office/drawing/2014/chart" uri="{C3380CC4-5D6E-409C-BE32-E72D297353CC}">
              <c16:uniqueId val="{00000011-D75F-4924-ACB7-1A6B229B7C56}"/>
            </c:ext>
          </c:extLst>
        </c:ser>
        <c:dLbls>
          <c:showLegendKey val="0"/>
          <c:showVal val="0"/>
          <c:showCatName val="0"/>
          <c:showSerName val="0"/>
          <c:showPercent val="0"/>
          <c:showBubbleSize val="0"/>
        </c:dLbls>
        <c:gapWidth val="150"/>
        <c:overlap val="100"/>
        <c:axId val="106980096"/>
        <c:axId val="107012480"/>
      </c:barChart>
      <c:catAx>
        <c:axId val="106980096"/>
        <c:scaling>
          <c:orientation val="minMax"/>
        </c:scaling>
        <c:delete val="0"/>
        <c:axPos val="b"/>
        <c:numFmt formatCode="General" sourceLinked="0"/>
        <c:majorTickMark val="out"/>
        <c:minorTickMark val="none"/>
        <c:tickLblPos val="nextTo"/>
        <c:txPr>
          <a:bodyPr/>
          <a:lstStyle/>
          <a:p>
            <a:pPr>
              <a:defRPr sz="800">
                <a:latin typeface="ＭＳ Ｐゴシック" panose="020B0600070205080204" pitchFamily="50" charset="-128"/>
                <a:ea typeface="ＭＳ Ｐゴシック" panose="020B0600070205080204" pitchFamily="50" charset="-128"/>
              </a:defRPr>
            </a:pPr>
            <a:endParaRPr lang="ja-JP"/>
          </a:p>
        </c:txPr>
        <c:crossAx val="107012480"/>
        <c:crosses val="autoZero"/>
        <c:auto val="1"/>
        <c:lblAlgn val="ctr"/>
        <c:lblOffset val="100"/>
        <c:noMultiLvlLbl val="0"/>
      </c:catAx>
      <c:valAx>
        <c:axId val="107012480"/>
        <c:scaling>
          <c:orientation val="minMax"/>
        </c:scaling>
        <c:delete val="0"/>
        <c:axPos val="l"/>
        <c:majorGridlines/>
        <c:numFmt formatCode="#,##0" sourceLinked="1"/>
        <c:majorTickMark val="out"/>
        <c:minorTickMark val="none"/>
        <c:tickLblPos val="nextTo"/>
        <c:crossAx val="106980096"/>
        <c:crosses val="autoZero"/>
        <c:crossBetween val="between"/>
      </c:valAx>
    </c:plotArea>
    <c:legend>
      <c:legendPos val="r"/>
      <c:layout>
        <c:manualLayout>
          <c:xMode val="edge"/>
          <c:yMode val="edge"/>
          <c:x val="0.71257661294980412"/>
          <c:y val="0.2058661810946131"/>
          <c:w val="0.28742338705019582"/>
          <c:h val="0.39993990583513872"/>
        </c:manualLayout>
      </c:layout>
      <c:overlay val="0"/>
      <c:txPr>
        <a:bodyPr/>
        <a:lstStyle/>
        <a:p>
          <a:pPr>
            <a:defRPr sz="8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spPr>
    <a:ln>
      <a:noFill/>
    </a:ln>
  </c:spPr>
  <c:externalData r:id="rId1">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3715015356823607E-2"/>
          <c:y val="3.2251328061116545E-2"/>
          <c:w val="0.87810439765883286"/>
          <c:h val="0.84247165182783523"/>
        </c:manualLayout>
      </c:layout>
      <c:barChart>
        <c:barDir val="col"/>
        <c:grouping val="stacked"/>
        <c:varyColors val="0"/>
        <c:ser>
          <c:idx val="0"/>
          <c:order val="0"/>
          <c:tx>
            <c:strRef>
              <c:f>ＩＴ投資!$B$3</c:f>
              <c:strCache>
                <c:ptCount val="1"/>
                <c:pt idx="0">
                  <c:v>電気通信機器</c:v>
                </c:pt>
              </c:strCache>
            </c:strRef>
          </c:tx>
          <c:invertIfNegative val="0"/>
          <c:cat>
            <c:strRef>
              <c:f>ＩＴ投資!$A$4:$A$42</c:f>
              <c:strCache>
                <c:ptCount val="39"/>
                <c:pt idx="0">
                  <c:v>1980年</c:v>
                </c:pt>
                <c:pt idx="1">
                  <c:v>1981年</c:v>
                </c:pt>
                <c:pt idx="2">
                  <c:v>1982年</c:v>
                </c:pt>
                <c:pt idx="3">
                  <c:v>1983年</c:v>
                </c:pt>
                <c:pt idx="4">
                  <c:v>1984年</c:v>
                </c:pt>
                <c:pt idx="5">
                  <c:v>1985年</c:v>
                </c:pt>
                <c:pt idx="6">
                  <c:v>1986年</c:v>
                </c:pt>
                <c:pt idx="7">
                  <c:v>1987年</c:v>
                </c:pt>
                <c:pt idx="8">
                  <c:v>1988年</c:v>
                </c:pt>
                <c:pt idx="9">
                  <c:v>1989年</c:v>
                </c:pt>
                <c:pt idx="10">
                  <c:v>1990年</c:v>
                </c:pt>
                <c:pt idx="11">
                  <c:v>1991年</c:v>
                </c:pt>
                <c:pt idx="12">
                  <c:v>1992年</c:v>
                </c:pt>
                <c:pt idx="13">
                  <c:v>1993年</c:v>
                </c:pt>
                <c:pt idx="14">
                  <c:v>1994年</c:v>
                </c:pt>
                <c:pt idx="15">
                  <c:v>1995年</c:v>
                </c:pt>
                <c:pt idx="16">
                  <c:v>1996年</c:v>
                </c:pt>
                <c:pt idx="17">
                  <c:v>1997年</c:v>
                </c:pt>
                <c:pt idx="18">
                  <c:v>1998年</c:v>
                </c:pt>
                <c:pt idx="19">
                  <c:v>1999年</c:v>
                </c:pt>
                <c:pt idx="20">
                  <c:v>2000年</c:v>
                </c:pt>
                <c:pt idx="21">
                  <c:v>2001年</c:v>
                </c:pt>
                <c:pt idx="22">
                  <c:v>2002年</c:v>
                </c:pt>
                <c:pt idx="23">
                  <c:v>2003年</c:v>
                </c:pt>
                <c:pt idx="24">
                  <c:v>2004年</c:v>
                </c:pt>
                <c:pt idx="25">
                  <c:v>2005年</c:v>
                </c:pt>
                <c:pt idx="26">
                  <c:v>2006年</c:v>
                </c:pt>
                <c:pt idx="27">
                  <c:v>2007年</c:v>
                </c:pt>
                <c:pt idx="28">
                  <c:v>2008年</c:v>
                </c:pt>
                <c:pt idx="29">
                  <c:v>2009年</c:v>
                </c:pt>
                <c:pt idx="30">
                  <c:v>2010年</c:v>
                </c:pt>
                <c:pt idx="31">
                  <c:v>2011年</c:v>
                </c:pt>
                <c:pt idx="32">
                  <c:v>2012年</c:v>
                </c:pt>
                <c:pt idx="33">
                  <c:v>2013年</c:v>
                </c:pt>
                <c:pt idx="34">
                  <c:v>2014年</c:v>
                </c:pt>
                <c:pt idx="35">
                  <c:v>2015年</c:v>
                </c:pt>
                <c:pt idx="36">
                  <c:v>2016年</c:v>
                </c:pt>
                <c:pt idx="37">
                  <c:v>2017年</c:v>
                </c:pt>
                <c:pt idx="38">
                  <c:v>2018年</c:v>
                </c:pt>
              </c:strCache>
            </c:strRef>
          </c:cat>
          <c:val>
            <c:numRef>
              <c:f>ＩＴ投資!$B$4:$B$42</c:f>
              <c:numCache>
                <c:formatCode>#,##0_);[Red]\(#,##0\)</c:formatCode>
                <c:ptCount val="39"/>
                <c:pt idx="0">
                  <c:v>285.17571877660464</c:v>
                </c:pt>
                <c:pt idx="1">
                  <c:v>323.24629678499048</c:v>
                </c:pt>
                <c:pt idx="2">
                  <c:v>349.63435067133759</c:v>
                </c:pt>
                <c:pt idx="3">
                  <c:v>438.80167631164471</c:v>
                </c:pt>
                <c:pt idx="4">
                  <c:v>509.91436768102312</c:v>
                </c:pt>
                <c:pt idx="5">
                  <c:v>686.59917022383581</c:v>
                </c:pt>
                <c:pt idx="6">
                  <c:v>1245.6598499498514</c:v>
                </c:pt>
                <c:pt idx="7">
                  <c:v>1479.6603501020809</c:v>
                </c:pt>
                <c:pt idx="8">
                  <c:v>1700.1652718324242</c:v>
                </c:pt>
                <c:pt idx="9">
                  <c:v>1979.2138785173456</c:v>
                </c:pt>
                <c:pt idx="10">
                  <c:v>2143.8390143326301</c:v>
                </c:pt>
                <c:pt idx="11">
                  <c:v>2256.6511034114428</c:v>
                </c:pt>
                <c:pt idx="12">
                  <c:v>1836.8108413008651</c:v>
                </c:pt>
                <c:pt idx="13">
                  <c:v>2031.540195104114</c:v>
                </c:pt>
                <c:pt idx="14">
                  <c:v>1879.3809594304987</c:v>
                </c:pt>
                <c:pt idx="15">
                  <c:v>2196.1561066692034</c:v>
                </c:pt>
                <c:pt idx="16">
                  <c:v>2638.6552523722321</c:v>
                </c:pt>
                <c:pt idx="17">
                  <c:v>2868.0078682922917</c:v>
                </c:pt>
                <c:pt idx="18">
                  <c:v>2416.7925237138729</c:v>
                </c:pt>
                <c:pt idx="19">
                  <c:v>2097.0814547446489</c:v>
                </c:pt>
                <c:pt idx="20">
                  <c:v>2198.05468231638</c:v>
                </c:pt>
                <c:pt idx="21">
                  <c:v>2445.7342723415632</c:v>
                </c:pt>
                <c:pt idx="22">
                  <c:v>1971.570563639747</c:v>
                </c:pt>
                <c:pt idx="23">
                  <c:v>2397.3698883118318</c:v>
                </c:pt>
                <c:pt idx="24">
                  <c:v>2471.0810335388683</c:v>
                </c:pt>
                <c:pt idx="25">
                  <c:v>2364.9627173526983</c:v>
                </c:pt>
                <c:pt idx="26">
                  <c:v>2947.2428731096174</c:v>
                </c:pt>
                <c:pt idx="27">
                  <c:v>2742.1434417178129</c:v>
                </c:pt>
                <c:pt idx="28">
                  <c:v>2659.0459943026817</c:v>
                </c:pt>
                <c:pt idx="29">
                  <c:v>2208.6395307469993</c:v>
                </c:pt>
                <c:pt idx="30">
                  <c:v>2572.3403150343966</c:v>
                </c:pt>
                <c:pt idx="31">
                  <c:v>2608.8530000000001</c:v>
                </c:pt>
                <c:pt idx="32">
                  <c:v>2633.5685592503983</c:v>
                </c:pt>
                <c:pt idx="33">
                  <c:v>2783.3782834050921</c:v>
                </c:pt>
                <c:pt idx="34">
                  <c:v>2712.5905524631958</c:v>
                </c:pt>
                <c:pt idx="35">
                  <c:v>2695.1566328584004</c:v>
                </c:pt>
                <c:pt idx="36">
                  <c:v>2576.1563017320391</c:v>
                </c:pt>
                <c:pt idx="37">
                  <c:v>2823.9937591617445</c:v>
                </c:pt>
                <c:pt idx="38">
                  <c:v>2824.4063919483133</c:v>
                </c:pt>
              </c:numCache>
            </c:numRef>
          </c:val>
          <c:extLst>
            <c:ext xmlns:c16="http://schemas.microsoft.com/office/drawing/2014/chart" uri="{C3380CC4-5D6E-409C-BE32-E72D297353CC}">
              <c16:uniqueId val="{00000000-86B4-4DD9-972E-8AA9C855B8B2}"/>
            </c:ext>
          </c:extLst>
        </c:ser>
        <c:ser>
          <c:idx val="1"/>
          <c:order val="1"/>
          <c:tx>
            <c:strRef>
              <c:f>ＩＴ投資!$C$3</c:f>
              <c:strCache>
                <c:ptCount val="1"/>
                <c:pt idx="0">
                  <c:v>電子計算機本体
同付属装置</c:v>
                </c:pt>
              </c:strCache>
            </c:strRef>
          </c:tx>
          <c:spPr>
            <a:pattFill prst="pct70">
              <a:fgClr>
                <a:schemeClr val="accent1"/>
              </a:fgClr>
              <a:bgClr>
                <a:schemeClr val="bg1"/>
              </a:bgClr>
            </a:pattFill>
          </c:spPr>
          <c:invertIfNegative val="0"/>
          <c:cat>
            <c:strRef>
              <c:f>ＩＴ投資!$A$4:$A$42</c:f>
              <c:strCache>
                <c:ptCount val="39"/>
                <c:pt idx="0">
                  <c:v>1980年</c:v>
                </c:pt>
                <c:pt idx="1">
                  <c:v>1981年</c:v>
                </c:pt>
                <c:pt idx="2">
                  <c:v>1982年</c:v>
                </c:pt>
                <c:pt idx="3">
                  <c:v>1983年</c:v>
                </c:pt>
                <c:pt idx="4">
                  <c:v>1984年</c:v>
                </c:pt>
                <c:pt idx="5">
                  <c:v>1985年</c:v>
                </c:pt>
                <c:pt idx="6">
                  <c:v>1986年</c:v>
                </c:pt>
                <c:pt idx="7">
                  <c:v>1987年</c:v>
                </c:pt>
                <c:pt idx="8">
                  <c:v>1988年</c:v>
                </c:pt>
                <c:pt idx="9">
                  <c:v>1989年</c:v>
                </c:pt>
                <c:pt idx="10">
                  <c:v>1990年</c:v>
                </c:pt>
                <c:pt idx="11">
                  <c:v>1991年</c:v>
                </c:pt>
                <c:pt idx="12">
                  <c:v>1992年</c:v>
                </c:pt>
                <c:pt idx="13">
                  <c:v>1993年</c:v>
                </c:pt>
                <c:pt idx="14">
                  <c:v>1994年</c:v>
                </c:pt>
                <c:pt idx="15">
                  <c:v>1995年</c:v>
                </c:pt>
                <c:pt idx="16">
                  <c:v>1996年</c:v>
                </c:pt>
                <c:pt idx="17">
                  <c:v>1997年</c:v>
                </c:pt>
                <c:pt idx="18">
                  <c:v>1998年</c:v>
                </c:pt>
                <c:pt idx="19">
                  <c:v>1999年</c:v>
                </c:pt>
                <c:pt idx="20">
                  <c:v>2000年</c:v>
                </c:pt>
                <c:pt idx="21">
                  <c:v>2001年</c:v>
                </c:pt>
                <c:pt idx="22">
                  <c:v>2002年</c:v>
                </c:pt>
                <c:pt idx="23">
                  <c:v>2003年</c:v>
                </c:pt>
                <c:pt idx="24">
                  <c:v>2004年</c:v>
                </c:pt>
                <c:pt idx="25">
                  <c:v>2005年</c:v>
                </c:pt>
                <c:pt idx="26">
                  <c:v>2006年</c:v>
                </c:pt>
                <c:pt idx="27">
                  <c:v>2007年</c:v>
                </c:pt>
                <c:pt idx="28">
                  <c:v>2008年</c:v>
                </c:pt>
                <c:pt idx="29">
                  <c:v>2009年</c:v>
                </c:pt>
                <c:pt idx="30">
                  <c:v>2010年</c:v>
                </c:pt>
                <c:pt idx="31">
                  <c:v>2011年</c:v>
                </c:pt>
                <c:pt idx="32">
                  <c:v>2012年</c:v>
                </c:pt>
                <c:pt idx="33">
                  <c:v>2013年</c:v>
                </c:pt>
                <c:pt idx="34">
                  <c:v>2014年</c:v>
                </c:pt>
                <c:pt idx="35">
                  <c:v>2015年</c:v>
                </c:pt>
                <c:pt idx="36">
                  <c:v>2016年</c:v>
                </c:pt>
                <c:pt idx="37">
                  <c:v>2017年</c:v>
                </c:pt>
                <c:pt idx="38">
                  <c:v>2018年</c:v>
                </c:pt>
              </c:strCache>
            </c:strRef>
          </c:cat>
          <c:val>
            <c:numRef>
              <c:f>ＩＴ投資!$C$4:$C$42</c:f>
              <c:numCache>
                <c:formatCode>#,##0_);[Red]\(#,##0\)</c:formatCode>
                <c:ptCount val="39"/>
                <c:pt idx="0">
                  <c:v>230.67794202484004</c:v>
                </c:pt>
                <c:pt idx="1">
                  <c:v>269.30108009717588</c:v>
                </c:pt>
                <c:pt idx="2">
                  <c:v>300.23622600105114</c:v>
                </c:pt>
                <c:pt idx="3">
                  <c:v>375.8374505495122</c:v>
                </c:pt>
                <c:pt idx="4">
                  <c:v>471.48373011734054</c:v>
                </c:pt>
                <c:pt idx="5">
                  <c:v>649.2970606787934</c:v>
                </c:pt>
                <c:pt idx="6">
                  <c:v>763.08788955609725</c:v>
                </c:pt>
                <c:pt idx="7">
                  <c:v>887.11652043433958</c:v>
                </c:pt>
                <c:pt idx="8">
                  <c:v>1037.4612661499448</c:v>
                </c:pt>
                <c:pt idx="9">
                  <c:v>1044.8113830194136</c:v>
                </c:pt>
                <c:pt idx="10">
                  <c:v>1275.0227536350201</c:v>
                </c:pt>
                <c:pt idx="11">
                  <c:v>1333.2658130399143</c:v>
                </c:pt>
                <c:pt idx="12">
                  <c:v>1215.8411359249142</c:v>
                </c:pt>
                <c:pt idx="13">
                  <c:v>1186.9441393851046</c:v>
                </c:pt>
                <c:pt idx="14">
                  <c:v>1291.8380452210204</c:v>
                </c:pt>
                <c:pt idx="15">
                  <c:v>1917.540601628323</c:v>
                </c:pt>
                <c:pt idx="16">
                  <c:v>2388.6377388592846</c:v>
                </c:pt>
                <c:pt idx="17">
                  <c:v>2576.257504922542</c:v>
                </c:pt>
                <c:pt idx="18">
                  <c:v>2145.9448131392346</c:v>
                </c:pt>
                <c:pt idx="19">
                  <c:v>2081.4131148535607</c:v>
                </c:pt>
                <c:pt idx="20">
                  <c:v>2149.3357834775184</c:v>
                </c:pt>
                <c:pt idx="21">
                  <c:v>1853.9516051071002</c:v>
                </c:pt>
                <c:pt idx="22">
                  <c:v>1428.1139653073496</c:v>
                </c:pt>
                <c:pt idx="23">
                  <c:v>1504.4684964773314</c:v>
                </c:pt>
                <c:pt idx="24">
                  <c:v>1448.2533091204418</c:v>
                </c:pt>
                <c:pt idx="25">
                  <c:v>1680.1397353836712</c:v>
                </c:pt>
                <c:pt idx="26">
                  <c:v>1574.0792165615301</c:v>
                </c:pt>
                <c:pt idx="27">
                  <c:v>1519.8347440208854</c:v>
                </c:pt>
                <c:pt idx="28">
                  <c:v>1792.06108914826</c:v>
                </c:pt>
                <c:pt idx="29">
                  <c:v>1493.1942215176489</c:v>
                </c:pt>
                <c:pt idx="30">
                  <c:v>1803.1129085738869</c:v>
                </c:pt>
                <c:pt idx="31">
                  <c:v>1664.7410947496928</c:v>
                </c:pt>
                <c:pt idx="32">
                  <c:v>1703.3314568642029</c:v>
                </c:pt>
                <c:pt idx="33">
                  <c:v>1626.3249198995964</c:v>
                </c:pt>
                <c:pt idx="34">
                  <c:v>1597.7115515938158</c:v>
                </c:pt>
                <c:pt idx="35">
                  <c:v>1587.450967327409</c:v>
                </c:pt>
                <c:pt idx="36">
                  <c:v>1670.3827320270784</c:v>
                </c:pt>
                <c:pt idx="37">
                  <c:v>1744.7592450645859</c:v>
                </c:pt>
                <c:pt idx="38">
                  <c:v>1797.6068989740693</c:v>
                </c:pt>
              </c:numCache>
            </c:numRef>
          </c:val>
          <c:extLst>
            <c:ext xmlns:c16="http://schemas.microsoft.com/office/drawing/2014/chart" uri="{C3380CC4-5D6E-409C-BE32-E72D297353CC}">
              <c16:uniqueId val="{00000001-86B4-4DD9-972E-8AA9C855B8B2}"/>
            </c:ext>
          </c:extLst>
        </c:ser>
        <c:ser>
          <c:idx val="2"/>
          <c:order val="2"/>
          <c:tx>
            <c:strRef>
              <c:f>ＩＴ投資!$D$3</c:f>
              <c:strCache>
                <c:ptCount val="1"/>
                <c:pt idx="0">
                  <c:v>ソフトウェア</c:v>
                </c:pt>
              </c:strCache>
            </c:strRef>
          </c:tx>
          <c:invertIfNegative val="0"/>
          <c:dLbls>
            <c:dLbl>
              <c:idx val="38"/>
              <c:layout>
                <c:manualLayout>
                  <c:x val="-9.2859001984840137E-3"/>
                  <c:y val="-0.2575033147093414"/>
                </c:manualLayout>
              </c:layout>
              <c:tx>
                <c:rich>
                  <a:bodyPr/>
                  <a:lstStyle/>
                  <a:p>
                    <a:r>
                      <a:rPr lang="en-US" altLang="ja-JP"/>
                      <a:t>12,667</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86B4-4DD9-972E-8AA9C855B8B2}"/>
                </c:ext>
              </c:extLst>
            </c:dLbl>
            <c:spPr>
              <a:noFill/>
              <a:ln>
                <a:noFill/>
              </a:ln>
              <a:effectLst/>
            </c:spPr>
            <c:txPr>
              <a:bodyPr wrap="square" lIns="38100" tIns="19050" rIns="38100" bIns="19050" anchor="ctr">
                <a:spAutoFit/>
              </a:bodyPr>
              <a:lstStyle/>
              <a:p>
                <a:pPr>
                  <a:defRPr b="1">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ＩＴ投資!$A$4:$A$42</c:f>
              <c:strCache>
                <c:ptCount val="39"/>
                <c:pt idx="0">
                  <c:v>1980年</c:v>
                </c:pt>
                <c:pt idx="1">
                  <c:v>1981年</c:v>
                </c:pt>
                <c:pt idx="2">
                  <c:v>1982年</c:v>
                </c:pt>
                <c:pt idx="3">
                  <c:v>1983年</c:v>
                </c:pt>
                <c:pt idx="4">
                  <c:v>1984年</c:v>
                </c:pt>
                <c:pt idx="5">
                  <c:v>1985年</c:v>
                </c:pt>
                <c:pt idx="6">
                  <c:v>1986年</c:v>
                </c:pt>
                <c:pt idx="7">
                  <c:v>1987年</c:v>
                </c:pt>
                <c:pt idx="8">
                  <c:v>1988年</c:v>
                </c:pt>
                <c:pt idx="9">
                  <c:v>1989年</c:v>
                </c:pt>
                <c:pt idx="10">
                  <c:v>1990年</c:v>
                </c:pt>
                <c:pt idx="11">
                  <c:v>1991年</c:v>
                </c:pt>
                <c:pt idx="12">
                  <c:v>1992年</c:v>
                </c:pt>
                <c:pt idx="13">
                  <c:v>1993年</c:v>
                </c:pt>
                <c:pt idx="14">
                  <c:v>1994年</c:v>
                </c:pt>
                <c:pt idx="15">
                  <c:v>1995年</c:v>
                </c:pt>
                <c:pt idx="16">
                  <c:v>1996年</c:v>
                </c:pt>
                <c:pt idx="17">
                  <c:v>1997年</c:v>
                </c:pt>
                <c:pt idx="18">
                  <c:v>1998年</c:v>
                </c:pt>
                <c:pt idx="19">
                  <c:v>1999年</c:v>
                </c:pt>
                <c:pt idx="20">
                  <c:v>2000年</c:v>
                </c:pt>
                <c:pt idx="21">
                  <c:v>2001年</c:v>
                </c:pt>
                <c:pt idx="22">
                  <c:v>2002年</c:v>
                </c:pt>
                <c:pt idx="23">
                  <c:v>2003年</c:v>
                </c:pt>
                <c:pt idx="24">
                  <c:v>2004年</c:v>
                </c:pt>
                <c:pt idx="25">
                  <c:v>2005年</c:v>
                </c:pt>
                <c:pt idx="26">
                  <c:v>2006年</c:v>
                </c:pt>
                <c:pt idx="27">
                  <c:v>2007年</c:v>
                </c:pt>
                <c:pt idx="28">
                  <c:v>2008年</c:v>
                </c:pt>
                <c:pt idx="29">
                  <c:v>2009年</c:v>
                </c:pt>
                <c:pt idx="30">
                  <c:v>2010年</c:v>
                </c:pt>
                <c:pt idx="31">
                  <c:v>2011年</c:v>
                </c:pt>
                <c:pt idx="32">
                  <c:v>2012年</c:v>
                </c:pt>
                <c:pt idx="33">
                  <c:v>2013年</c:v>
                </c:pt>
                <c:pt idx="34">
                  <c:v>2014年</c:v>
                </c:pt>
                <c:pt idx="35">
                  <c:v>2015年</c:v>
                </c:pt>
                <c:pt idx="36">
                  <c:v>2016年</c:v>
                </c:pt>
                <c:pt idx="37">
                  <c:v>2017年</c:v>
                </c:pt>
                <c:pt idx="38">
                  <c:v>2018年</c:v>
                </c:pt>
              </c:strCache>
            </c:strRef>
          </c:cat>
          <c:val>
            <c:numRef>
              <c:f>ＩＴ投資!$D$4:$D$42</c:f>
              <c:numCache>
                <c:formatCode>#,##0_);[Red]\(#,##0\)</c:formatCode>
                <c:ptCount val="39"/>
                <c:pt idx="0">
                  <c:v>161.49172798926574</c:v>
                </c:pt>
                <c:pt idx="1">
                  <c:v>253.3610017722967</c:v>
                </c:pt>
                <c:pt idx="2">
                  <c:v>343.26014772096897</c:v>
                </c:pt>
                <c:pt idx="3">
                  <c:v>431.95643052743435</c:v>
                </c:pt>
                <c:pt idx="4">
                  <c:v>572.86151814058439</c:v>
                </c:pt>
                <c:pt idx="5">
                  <c:v>725.07879420951974</c:v>
                </c:pt>
                <c:pt idx="6">
                  <c:v>1000.9431246359923</c:v>
                </c:pt>
                <c:pt idx="7">
                  <c:v>1144.3823944397168</c:v>
                </c:pt>
                <c:pt idx="8">
                  <c:v>1913.9481310174622</c:v>
                </c:pt>
                <c:pt idx="9">
                  <c:v>2545.3958715918652</c:v>
                </c:pt>
                <c:pt idx="10">
                  <c:v>3308.296617870687</c:v>
                </c:pt>
                <c:pt idx="11">
                  <c:v>3646.2863424204297</c:v>
                </c:pt>
                <c:pt idx="12">
                  <c:v>3787.0110242445594</c:v>
                </c:pt>
                <c:pt idx="13">
                  <c:v>3303.3032311094894</c:v>
                </c:pt>
                <c:pt idx="14">
                  <c:v>3171.8756008907139</c:v>
                </c:pt>
                <c:pt idx="15">
                  <c:v>3379.5679087806666</c:v>
                </c:pt>
                <c:pt idx="16">
                  <c:v>3864.1462020205909</c:v>
                </c:pt>
                <c:pt idx="17">
                  <c:v>4580.937007884133</c:v>
                </c:pt>
                <c:pt idx="18">
                  <c:v>4909.3422394568606</c:v>
                </c:pt>
                <c:pt idx="19">
                  <c:v>5020.8980973591888</c:v>
                </c:pt>
                <c:pt idx="20">
                  <c:v>5459.5959999999995</c:v>
                </c:pt>
                <c:pt idx="21">
                  <c:v>6306.8838713961368</c:v>
                </c:pt>
                <c:pt idx="22">
                  <c:v>6274.436800267993</c:v>
                </c:pt>
                <c:pt idx="23">
                  <c:v>6717.2794181496183</c:v>
                </c:pt>
                <c:pt idx="24">
                  <c:v>6946.4081275861017</c:v>
                </c:pt>
                <c:pt idx="25">
                  <c:v>7197.4220000000005</c:v>
                </c:pt>
                <c:pt idx="26">
                  <c:v>7671.3627806694931</c:v>
                </c:pt>
                <c:pt idx="27">
                  <c:v>8325.3750341200812</c:v>
                </c:pt>
                <c:pt idx="28">
                  <c:v>8501.0504411009388</c:v>
                </c:pt>
                <c:pt idx="29">
                  <c:v>7833.638872279701</c:v>
                </c:pt>
                <c:pt idx="30">
                  <c:v>7116.4131252071284</c:v>
                </c:pt>
                <c:pt idx="31">
                  <c:v>6949.6869999999999</c:v>
                </c:pt>
                <c:pt idx="32">
                  <c:v>7125.6698434329501</c:v>
                </c:pt>
                <c:pt idx="33">
                  <c:v>7451.7478746407214</c:v>
                </c:pt>
                <c:pt idx="34">
                  <c:v>7584.4607688089618</c:v>
                </c:pt>
                <c:pt idx="35">
                  <c:v>7726.4495747652409</c:v>
                </c:pt>
                <c:pt idx="36">
                  <c:v>7686.4306008294852</c:v>
                </c:pt>
                <c:pt idx="37">
                  <c:v>8034.9637408333065</c:v>
                </c:pt>
                <c:pt idx="38">
                  <c:v>8045.1162627479616</c:v>
                </c:pt>
              </c:numCache>
            </c:numRef>
          </c:val>
          <c:extLst>
            <c:ext xmlns:c16="http://schemas.microsoft.com/office/drawing/2014/chart" uri="{C3380CC4-5D6E-409C-BE32-E72D297353CC}">
              <c16:uniqueId val="{00000003-86B4-4DD9-972E-8AA9C855B8B2}"/>
            </c:ext>
          </c:extLst>
        </c:ser>
        <c:dLbls>
          <c:showLegendKey val="0"/>
          <c:showVal val="0"/>
          <c:showCatName val="0"/>
          <c:showSerName val="0"/>
          <c:showPercent val="0"/>
          <c:showBubbleSize val="0"/>
        </c:dLbls>
        <c:gapWidth val="150"/>
        <c:overlap val="100"/>
        <c:axId val="83591552"/>
        <c:axId val="83593088"/>
      </c:barChart>
      <c:lineChart>
        <c:grouping val="standard"/>
        <c:varyColors val="0"/>
        <c:ser>
          <c:idx val="3"/>
          <c:order val="3"/>
          <c:tx>
            <c:strRef>
              <c:f>ＩＴ投資!$E$3</c:f>
              <c:strCache>
                <c:ptCount val="1"/>
                <c:pt idx="0">
                  <c:v>民間設備投資に占める情報化投資（％）</c:v>
                </c:pt>
              </c:strCache>
            </c:strRef>
          </c:tx>
          <c:marker>
            <c:symbol val="none"/>
          </c:marker>
          <c:dLbls>
            <c:dLbl>
              <c:idx val="38"/>
              <c:layout>
                <c:manualLayout>
                  <c:x val="-3.1271745154316452E-2"/>
                  <c:y val="-3.523332844626189E-2"/>
                </c:manualLayout>
              </c:layout>
              <c:spPr>
                <a:noFill/>
                <a:ln>
                  <a:noFill/>
                </a:ln>
                <a:effectLst/>
              </c:spPr>
              <c:txPr>
                <a:bodyPr wrap="square" lIns="38100" tIns="19050" rIns="38100" bIns="19050" anchor="ctr">
                  <a:spAutoFit/>
                </a:bodyPr>
                <a:lstStyle/>
                <a:p>
                  <a:pPr>
                    <a:defRPr b="1" u="sng">
                      <a:latin typeface="+mn-ea"/>
                      <a:ea typeface="+mn-ea"/>
                    </a:defRPr>
                  </a:pPr>
                  <a:endParaRPr lang="ja-JP"/>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6B4-4DD9-972E-8AA9C855B8B2}"/>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ＩＴ投資!$A$4:$A$42</c:f>
              <c:strCache>
                <c:ptCount val="39"/>
                <c:pt idx="0">
                  <c:v>1980年</c:v>
                </c:pt>
                <c:pt idx="1">
                  <c:v>1981年</c:v>
                </c:pt>
                <c:pt idx="2">
                  <c:v>1982年</c:v>
                </c:pt>
                <c:pt idx="3">
                  <c:v>1983年</c:v>
                </c:pt>
                <c:pt idx="4">
                  <c:v>1984年</c:v>
                </c:pt>
                <c:pt idx="5">
                  <c:v>1985年</c:v>
                </c:pt>
                <c:pt idx="6">
                  <c:v>1986年</c:v>
                </c:pt>
                <c:pt idx="7">
                  <c:v>1987年</c:v>
                </c:pt>
                <c:pt idx="8">
                  <c:v>1988年</c:v>
                </c:pt>
                <c:pt idx="9">
                  <c:v>1989年</c:v>
                </c:pt>
                <c:pt idx="10">
                  <c:v>1990年</c:v>
                </c:pt>
                <c:pt idx="11">
                  <c:v>1991年</c:v>
                </c:pt>
                <c:pt idx="12">
                  <c:v>1992年</c:v>
                </c:pt>
                <c:pt idx="13">
                  <c:v>1993年</c:v>
                </c:pt>
                <c:pt idx="14">
                  <c:v>1994年</c:v>
                </c:pt>
                <c:pt idx="15">
                  <c:v>1995年</c:v>
                </c:pt>
                <c:pt idx="16">
                  <c:v>1996年</c:v>
                </c:pt>
                <c:pt idx="17">
                  <c:v>1997年</c:v>
                </c:pt>
                <c:pt idx="18">
                  <c:v>1998年</c:v>
                </c:pt>
                <c:pt idx="19">
                  <c:v>1999年</c:v>
                </c:pt>
                <c:pt idx="20">
                  <c:v>2000年</c:v>
                </c:pt>
                <c:pt idx="21">
                  <c:v>2001年</c:v>
                </c:pt>
                <c:pt idx="22">
                  <c:v>2002年</c:v>
                </c:pt>
                <c:pt idx="23">
                  <c:v>2003年</c:v>
                </c:pt>
                <c:pt idx="24">
                  <c:v>2004年</c:v>
                </c:pt>
                <c:pt idx="25">
                  <c:v>2005年</c:v>
                </c:pt>
                <c:pt idx="26">
                  <c:v>2006年</c:v>
                </c:pt>
                <c:pt idx="27">
                  <c:v>2007年</c:v>
                </c:pt>
                <c:pt idx="28">
                  <c:v>2008年</c:v>
                </c:pt>
                <c:pt idx="29">
                  <c:v>2009年</c:v>
                </c:pt>
                <c:pt idx="30">
                  <c:v>2010年</c:v>
                </c:pt>
                <c:pt idx="31">
                  <c:v>2011年</c:v>
                </c:pt>
                <c:pt idx="32">
                  <c:v>2012年</c:v>
                </c:pt>
                <c:pt idx="33">
                  <c:v>2013年</c:v>
                </c:pt>
                <c:pt idx="34">
                  <c:v>2014年</c:v>
                </c:pt>
                <c:pt idx="35">
                  <c:v>2015年</c:v>
                </c:pt>
                <c:pt idx="36">
                  <c:v>2016年</c:v>
                </c:pt>
                <c:pt idx="37">
                  <c:v>2017年</c:v>
                </c:pt>
                <c:pt idx="38">
                  <c:v>2018年</c:v>
                </c:pt>
              </c:strCache>
            </c:strRef>
          </c:cat>
          <c:val>
            <c:numRef>
              <c:f>ＩＴ投資!$E$4:$E$42</c:f>
              <c:numCache>
                <c:formatCode>#,##0.0;[Red]\-#,##0.0</c:formatCode>
                <c:ptCount val="39"/>
                <c:pt idx="0">
                  <c:v>2.1233053214243762</c:v>
                </c:pt>
                <c:pt idx="1">
                  <c:v>2.5371928828347987</c:v>
                </c:pt>
                <c:pt idx="2">
                  <c:v>2.9189666210524123</c:v>
                </c:pt>
                <c:pt idx="3">
                  <c:v>3.6716990773401958</c:v>
                </c:pt>
                <c:pt idx="4">
                  <c:v>4.1763692970775965</c:v>
                </c:pt>
                <c:pt idx="5">
                  <c:v>4.6984803242021034</c:v>
                </c:pt>
                <c:pt idx="6">
                  <c:v>6.4790175890175181</c:v>
                </c:pt>
                <c:pt idx="7">
                  <c:v>7.1560806346957788</c:v>
                </c:pt>
                <c:pt idx="8">
                  <c:v>8.1291047783158685</c:v>
                </c:pt>
                <c:pt idx="9">
                  <c:v>8.3795215960503224</c:v>
                </c:pt>
                <c:pt idx="10">
                  <c:v>9.2429918849183483</c:v>
                </c:pt>
                <c:pt idx="11">
                  <c:v>9.4980074170764013</c:v>
                </c:pt>
                <c:pt idx="12">
                  <c:v>9.6902715295709037</c:v>
                </c:pt>
                <c:pt idx="13">
                  <c:v>10.224978137628382</c:v>
                </c:pt>
                <c:pt idx="14">
                  <c:v>10.554339320429543</c:v>
                </c:pt>
                <c:pt idx="15">
                  <c:v>11.51426457914136</c:v>
                </c:pt>
                <c:pt idx="16">
                  <c:v>12.947202012464732</c:v>
                </c:pt>
                <c:pt idx="17">
                  <c:v>14.032134522551692</c:v>
                </c:pt>
                <c:pt idx="18">
                  <c:v>13.413845340328105</c:v>
                </c:pt>
                <c:pt idx="19">
                  <c:v>13.693158724543036</c:v>
                </c:pt>
                <c:pt idx="20">
                  <c:v>13.716889918965615</c:v>
                </c:pt>
                <c:pt idx="21">
                  <c:v>14.840590106121166</c:v>
                </c:pt>
                <c:pt idx="22">
                  <c:v>14.374131833852767</c:v>
                </c:pt>
                <c:pt idx="23">
                  <c:v>15.413167891121716</c:v>
                </c:pt>
                <c:pt idx="24">
                  <c:v>15.193548909320935</c:v>
                </c:pt>
                <c:pt idx="25">
                  <c:v>14.483589748766622</c:v>
                </c:pt>
                <c:pt idx="26">
                  <c:v>15.385634912451973</c:v>
                </c:pt>
                <c:pt idx="27">
                  <c:v>15.721182246514482</c:v>
                </c:pt>
                <c:pt idx="28">
                  <c:v>16.648381165850513</c:v>
                </c:pt>
                <c:pt idx="29">
                  <c:v>17.124548522085608</c:v>
                </c:pt>
                <c:pt idx="30">
                  <c:v>17.219787625366983</c:v>
                </c:pt>
                <c:pt idx="31">
                  <c:v>16.170360261286326</c:v>
                </c:pt>
                <c:pt idx="32">
                  <c:v>15.870090837350805</c:v>
                </c:pt>
                <c:pt idx="33">
                  <c:v>15.838053783971084</c:v>
                </c:pt>
                <c:pt idx="34">
                  <c:v>15.063106585939266</c:v>
                </c:pt>
                <c:pt idx="35">
                  <c:v>14.71609814478181</c:v>
                </c:pt>
                <c:pt idx="36">
                  <c:v>14.849389789184423</c:v>
                </c:pt>
                <c:pt idx="37">
                  <c:v>15.076108000492384</c:v>
                </c:pt>
                <c:pt idx="38">
                  <c:v>14.833208099186441</c:v>
                </c:pt>
              </c:numCache>
            </c:numRef>
          </c:val>
          <c:smooth val="0"/>
          <c:extLst>
            <c:ext xmlns:c16="http://schemas.microsoft.com/office/drawing/2014/chart" uri="{C3380CC4-5D6E-409C-BE32-E72D297353CC}">
              <c16:uniqueId val="{00000005-86B4-4DD9-972E-8AA9C855B8B2}"/>
            </c:ext>
          </c:extLst>
        </c:ser>
        <c:dLbls>
          <c:showLegendKey val="0"/>
          <c:showVal val="0"/>
          <c:showCatName val="0"/>
          <c:showSerName val="0"/>
          <c:showPercent val="0"/>
          <c:showBubbleSize val="0"/>
        </c:dLbls>
        <c:marker val="1"/>
        <c:smooth val="0"/>
        <c:axId val="83608704"/>
        <c:axId val="83594624"/>
      </c:lineChart>
      <c:catAx>
        <c:axId val="83591552"/>
        <c:scaling>
          <c:orientation val="minMax"/>
        </c:scaling>
        <c:delete val="0"/>
        <c:axPos val="b"/>
        <c:numFmt formatCode="General" sourceLinked="0"/>
        <c:majorTickMark val="out"/>
        <c:minorTickMark val="none"/>
        <c:tickLblPos val="nextTo"/>
        <c:txPr>
          <a:bodyPr rot="-2700000"/>
          <a:lstStyle/>
          <a:p>
            <a:pPr>
              <a:defRPr sz="700"/>
            </a:pPr>
            <a:endParaRPr lang="ja-JP"/>
          </a:p>
        </c:txPr>
        <c:crossAx val="83593088"/>
        <c:crosses val="autoZero"/>
        <c:auto val="1"/>
        <c:lblAlgn val="ctr"/>
        <c:lblOffset val="100"/>
        <c:noMultiLvlLbl val="0"/>
      </c:catAx>
      <c:valAx>
        <c:axId val="83593088"/>
        <c:scaling>
          <c:orientation val="minMax"/>
        </c:scaling>
        <c:delete val="0"/>
        <c:axPos val="l"/>
        <c:majorGridlines/>
        <c:numFmt formatCode="#,##0_);[Red]\(#,##0\)" sourceLinked="1"/>
        <c:majorTickMark val="out"/>
        <c:minorTickMark val="none"/>
        <c:tickLblPos val="nextTo"/>
        <c:crossAx val="83591552"/>
        <c:crosses val="autoZero"/>
        <c:crossBetween val="between"/>
      </c:valAx>
      <c:valAx>
        <c:axId val="83594624"/>
        <c:scaling>
          <c:orientation val="minMax"/>
        </c:scaling>
        <c:delete val="0"/>
        <c:axPos val="r"/>
        <c:numFmt formatCode="#,##0.0;[Red]\-#,##0.0" sourceLinked="1"/>
        <c:majorTickMark val="out"/>
        <c:minorTickMark val="none"/>
        <c:tickLblPos val="nextTo"/>
        <c:crossAx val="83608704"/>
        <c:crosses val="max"/>
        <c:crossBetween val="between"/>
      </c:valAx>
      <c:catAx>
        <c:axId val="83608704"/>
        <c:scaling>
          <c:orientation val="minMax"/>
        </c:scaling>
        <c:delete val="1"/>
        <c:axPos val="b"/>
        <c:numFmt formatCode="General" sourceLinked="1"/>
        <c:majorTickMark val="out"/>
        <c:minorTickMark val="none"/>
        <c:tickLblPos val="nextTo"/>
        <c:crossAx val="83594624"/>
        <c:crosses val="autoZero"/>
        <c:auto val="1"/>
        <c:lblAlgn val="ctr"/>
        <c:lblOffset val="100"/>
        <c:noMultiLvlLbl val="0"/>
      </c:catAx>
    </c:plotArea>
    <c:legend>
      <c:legendPos val="r"/>
      <c:layout>
        <c:manualLayout>
          <c:xMode val="edge"/>
          <c:yMode val="edge"/>
          <c:x val="6.7751371770650909E-2"/>
          <c:y val="8.0277120856214926E-2"/>
          <c:w val="0.33039285844497557"/>
          <c:h val="0.32901697354288245"/>
        </c:manualLayout>
      </c:layout>
      <c:overlay val="0"/>
      <c:txPr>
        <a:bodyPr/>
        <a:lstStyle/>
        <a:p>
          <a:pPr>
            <a:defRPr sz="1000">
              <a:latin typeface="Meiryo UI" panose="020B0604030504040204" pitchFamily="50" charset="-128"/>
              <a:ea typeface="Meiryo UI" panose="020B0604030504040204" pitchFamily="50" charset="-128"/>
            </a:defRPr>
          </a:pPr>
          <a:endParaRPr lang="ja-JP"/>
        </a:p>
      </c:txPr>
    </c:legend>
    <c:plotVisOnly val="1"/>
    <c:dispBlanksAs val="gap"/>
    <c:showDLblsOverMax val="0"/>
  </c:chart>
  <c:spPr>
    <a:ln>
      <a:noFill/>
    </a:ln>
  </c:spPr>
  <c:externalData r:id="rId1">
    <c:autoUpdate val="0"/>
  </c:externalData>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4.5878257610231031E-2"/>
          <c:w val="0.9053477391400957"/>
          <c:h val="0.84642544764114536"/>
        </c:manualLayout>
      </c:layout>
      <c:barChart>
        <c:barDir val="col"/>
        <c:grouping val="clustered"/>
        <c:varyColors val="0"/>
        <c:ser>
          <c:idx val="0"/>
          <c:order val="0"/>
          <c:tx>
            <c:strRef>
              <c:f>開廃業率!$C$2</c:f>
              <c:strCache>
                <c:ptCount val="1"/>
                <c:pt idx="0">
                  <c:v>開業数</c:v>
                </c:pt>
              </c:strCache>
            </c:strRef>
          </c:tx>
          <c:spPr>
            <a:solidFill>
              <a:schemeClr val="accent4">
                <a:lumMod val="60000"/>
                <a:lumOff val="40000"/>
              </a:schemeClr>
            </a:solidFill>
          </c:spPr>
          <c:invertIfNegative val="0"/>
          <c:dLbls>
            <c:spPr>
              <a:noFill/>
              <a:ln>
                <a:noFill/>
              </a:ln>
              <a:effectLst/>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C$3:$C$16</c:f>
              <c:numCache>
                <c:formatCode>#,##0_);[Red]\(#,##0\)</c:formatCode>
                <c:ptCount val="11"/>
                <c:pt idx="0">
                  <c:v>7770</c:v>
                </c:pt>
                <c:pt idx="1">
                  <c:v>7477</c:v>
                </c:pt>
                <c:pt idx="2">
                  <c:v>7564</c:v>
                </c:pt>
                <c:pt idx="3">
                  <c:v>7854</c:v>
                </c:pt>
                <c:pt idx="4">
                  <c:v>8276</c:v>
                </c:pt>
                <c:pt idx="5">
                  <c:v>8383</c:v>
                </c:pt>
                <c:pt idx="6">
                  <c:v>10119</c:v>
                </c:pt>
                <c:pt idx="7">
                  <c:v>11700</c:v>
                </c:pt>
                <c:pt idx="8">
                  <c:v>11629</c:v>
                </c:pt>
                <c:pt idx="9">
                  <c:v>8463</c:v>
                </c:pt>
                <c:pt idx="10">
                  <c:v>8460</c:v>
                </c:pt>
              </c:numCache>
            </c:numRef>
          </c:val>
          <c:extLst>
            <c:ext xmlns:c16="http://schemas.microsoft.com/office/drawing/2014/chart" uri="{C3380CC4-5D6E-409C-BE32-E72D297353CC}">
              <c16:uniqueId val="{00000000-751B-48DB-9C9F-59F9605EC49C}"/>
            </c:ext>
          </c:extLst>
        </c:ser>
        <c:dLbls>
          <c:showLegendKey val="0"/>
          <c:showVal val="0"/>
          <c:showCatName val="0"/>
          <c:showSerName val="0"/>
          <c:showPercent val="0"/>
          <c:showBubbleSize val="0"/>
        </c:dLbls>
        <c:gapWidth val="150"/>
        <c:axId val="243557888"/>
        <c:axId val="243559424"/>
      </c:barChart>
      <c:lineChart>
        <c:grouping val="standard"/>
        <c:varyColors val="0"/>
        <c:ser>
          <c:idx val="1"/>
          <c:order val="1"/>
          <c:tx>
            <c:strRef>
              <c:f>開廃業率!$D$2</c:f>
              <c:strCache>
                <c:ptCount val="1"/>
                <c:pt idx="0">
                  <c:v>開業率</c:v>
                </c:pt>
              </c:strCache>
            </c:strRef>
          </c:tx>
          <c:marker>
            <c:symbol val="none"/>
          </c:marker>
          <c:dLbls>
            <c:dLbl>
              <c:idx val="0"/>
              <c:layout>
                <c:manualLayout>
                  <c:x val="-3.3378890348756754E-2"/>
                  <c:y val="5.99992959839052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1B-48DB-9C9F-59F9605EC49C}"/>
                </c:ext>
              </c:extLst>
            </c:dLbl>
            <c:dLbl>
              <c:idx val="2"/>
              <c:layout>
                <c:manualLayout>
                  <c:x val="-3.6456844532258621E-2"/>
                  <c:y val="-4.37599913995871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1B-48DB-9C9F-59F9605EC49C}"/>
                </c:ext>
              </c:extLst>
            </c:dLbl>
            <c:dLbl>
              <c:idx val="3"/>
              <c:layout>
                <c:manualLayout>
                  <c:x val="-3.4643511594907701E-2"/>
                  <c:y val="-4.21604160925394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51B-48DB-9C9F-59F9605EC49C}"/>
                </c:ext>
              </c:extLst>
            </c:dLbl>
            <c:dLbl>
              <c:idx val="9"/>
              <c:layout>
                <c:manualLayout>
                  <c:x val="-3.4088067353737761E-2"/>
                  <c:y val="-0.15345711543041538"/>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51B-48DB-9C9F-59F9605EC49C}"/>
                </c:ext>
              </c:extLst>
            </c:dLbl>
            <c:spPr>
              <a:noFill/>
              <a:ln>
                <a:noFill/>
              </a:ln>
              <a:effectLst/>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D$3:$D$16</c:f>
              <c:numCache>
                <c:formatCode>0.0%</c:formatCode>
                <c:ptCount val="11"/>
                <c:pt idx="0">
                  <c:v>4.7E-2</c:v>
                </c:pt>
                <c:pt idx="1">
                  <c:v>4.5601751614693556E-2</c:v>
                </c:pt>
                <c:pt idx="2">
                  <c:v>4.6083173914632812E-2</c:v>
                </c:pt>
                <c:pt idx="3">
                  <c:v>4.7634354473832644E-2</c:v>
                </c:pt>
                <c:pt idx="4">
                  <c:v>4.9906831736306674E-2</c:v>
                </c:pt>
                <c:pt idx="5">
                  <c:v>0.05</c:v>
                </c:pt>
                <c:pt idx="6">
                  <c:v>5.9000000000000004E-2</c:v>
                </c:pt>
                <c:pt idx="7">
                  <c:v>6.8000000000000005E-2</c:v>
                </c:pt>
                <c:pt idx="8">
                  <c:v>6.5000000000000002E-2</c:v>
                </c:pt>
                <c:pt idx="9">
                  <c:v>4.5999999999999999E-2</c:v>
                </c:pt>
                <c:pt idx="10">
                  <c:v>4.4999999999999998E-2</c:v>
                </c:pt>
              </c:numCache>
            </c:numRef>
          </c:val>
          <c:smooth val="0"/>
          <c:extLst>
            <c:ext xmlns:c16="http://schemas.microsoft.com/office/drawing/2014/chart" uri="{C3380CC4-5D6E-409C-BE32-E72D297353CC}">
              <c16:uniqueId val="{00000005-751B-48DB-9C9F-59F9605EC49C}"/>
            </c:ext>
          </c:extLst>
        </c:ser>
        <c:ser>
          <c:idx val="2"/>
          <c:order val="2"/>
          <c:tx>
            <c:strRef>
              <c:f>開廃業率!$E$2</c:f>
              <c:strCache>
                <c:ptCount val="1"/>
                <c:pt idx="0">
                  <c:v>廃業率</c:v>
                </c:pt>
              </c:strCache>
            </c:strRef>
          </c:tx>
          <c:spPr>
            <a:ln>
              <a:solidFill>
                <a:schemeClr val="accent1"/>
              </a:solidFill>
              <a:prstDash val="sysDash"/>
            </a:ln>
          </c:spPr>
          <c:marker>
            <c:symbol val="none"/>
          </c:marker>
          <c:dLbls>
            <c:dLbl>
              <c:idx val="0"/>
              <c:layout>
                <c:manualLayout>
                  <c:x val="-3.3378890348756754E-2"/>
                  <c:y val="-2.375198083807717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51B-48DB-9C9F-59F9605EC49C}"/>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開廃業率!$B$3:$B$16</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廃業率!$E$3:$E$16</c:f>
              <c:numCache>
                <c:formatCode>0.0%</c:formatCode>
                <c:ptCount val="11"/>
                <c:pt idx="0">
                  <c:v>0.05</c:v>
                </c:pt>
                <c:pt idx="1">
                  <c:v>4.2999999999999997E-2</c:v>
                </c:pt>
                <c:pt idx="2">
                  <c:v>4.2000000000000003E-2</c:v>
                </c:pt>
                <c:pt idx="3">
                  <c:v>4.1000000000000002E-2</c:v>
                </c:pt>
                <c:pt idx="4">
                  <c:v>3.5999999999999997E-2</c:v>
                </c:pt>
                <c:pt idx="5">
                  <c:v>3.7999999999999999E-2</c:v>
                </c:pt>
                <c:pt idx="6">
                  <c:v>3.7000000000000005E-2</c:v>
                </c:pt>
                <c:pt idx="7">
                  <c:v>3.6999999999999998E-2</c:v>
                </c:pt>
                <c:pt idx="8">
                  <c:v>4.2999999999999997E-2</c:v>
                </c:pt>
                <c:pt idx="9">
                  <c:v>3.7999999999999999E-2</c:v>
                </c:pt>
                <c:pt idx="10">
                  <c:v>3.5999999999999997E-2</c:v>
                </c:pt>
              </c:numCache>
            </c:numRef>
          </c:val>
          <c:smooth val="0"/>
          <c:extLst>
            <c:ext xmlns:c16="http://schemas.microsoft.com/office/drawing/2014/chart" uri="{C3380CC4-5D6E-409C-BE32-E72D297353CC}">
              <c16:uniqueId val="{00000007-751B-48DB-9C9F-59F9605EC49C}"/>
            </c:ext>
          </c:extLst>
        </c:ser>
        <c:dLbls>
          <c:showLegendKey val="0"/>
          <c:showVal val="0"/>
          <c:showCatName val="0"/>
          <c:showSerName val="0"/>
          <c:showPercent val="0"/>
          <c:showBubbleSize val="0"/>
        </c:dLbls>
        <c:marker val="1"/>
        <c:smooth val="0"/>
        <c:axId val="252098816"/>
        <c:axId val="252097280"/>
      </c:lineChart>
      <c:catAx>
        <c:axId val="243557888"/>
        <c:scaling>
          <c:orientation val="minMax"/>
        </c:scaling>
        <c:delete val="0"/>
        <c:axPos val="b"/>
        <c:numFmt formatCode="General" sourceLinked="1"/>
        <c:majorTickMark val="out"/>
        <c:minorTickMark val="none"/>
        <c:tickLblPos val="nextTo"/>
        <c:crossAx val="243559424"/>
        <c:crosses val="autoZero"/>
        <c:auto val="1"/>
        <c:lblAlgn val="ctr"/>
        <c:lblOffset val="100"/>
        <c:noMultiLvlLbl val="0"/>
      </c:catAx>
      <c:valAx>
        <c:axId val="243559424"/>
        <c:scaling>
          <c:orientation val="minMax"/>
        </c:scaling>
        <c:delete val="0"/>
        <c:axPos val="l"/>
        <c:majorGridlines>
          <c:spPr>
            <a:ln>
              <a:noFill/>
            </a:ln>
          </c:spPr>
        </c:majorGridlines>
        <c:numFmt formatCode="#,##0_);[Red]\(#,##0\)" sourceLinked="1"/>
        <c:majorTickMark val="none"/>
        <c:minorTickMark val="none"/>
        <c:tickLblPos val="none"/>
        <c:crossAx val="243557888"/>
        <c:crosses val="autoZero"/>
        <c:crossBetween val="between"/>
      </c:valAx>
      <c:valAx>
        <c:axId val="252097280"/>
        <c:scaling>
          <c:orientation val="minMax"/>
          <c:max val="8.0000000000000016E-2"/>
          <c:min val="3.0000000000000006E-2"/>
        </c:scaling>
        <c:delete val="0"/>
        <c:axPos val="r"/>
        <c:numFmt formatCode="0.0%" sourceLinked="0"/>
        <c:majorTickMark val="out"/>
        <c:minorTickMark val="none"/>
        <c:tickLblPos val="nextTo"/>
        <c:crossAx val="252098816"/>
        <c:crosses val="max"/>
        <c:crossBetween val="between"/>
        <c:majorUnit val="1.0000000000000002E-2"/>
      </c:valAx>
      <c:catAx>
        <c:axId val="252098816"/>
        <c:scaling>
          <c:orientation val="minMax"/>
        </c:scaling>
        <c:delete val="1"/>
        <c:axPos val="b"/>
        <c:numFmt formatCode="General" sourceLinked="1"/>
        <c:majorTickMark val="out"/>
        <c:minorTickMark val="none"/>
        <c:tickLblPos val="nextTo"/>
        <c:crossAx val="252097280"/>
        <c:crosses val="autoZero"/>
        <c:auto val="1"/>
        <c:lblAlgn val="ctr"/>
        <c:lblOffset val="100"/>
        <c:noMultiLvlLbl val="0"/>
      </c:catAx>
    </c:plotArea>
    <c:legend>
      <c:legendPos val="r"/>
      <c:legendEntry>
        <c:idx val="1"/>
        <c:txPr>
          <a:bodyPr/>
          <a:lstStyle/>
          <a:p>
            <a:pPr>
              <a:defRPr u="sng"/>
            </a:pPr>
            <a:endParaRPr lang="ja-JP"/>
          </a:p>
        </c:txPr>
      </c:legendEntry>
      <c:layout>
        <c:manualLayout>
          <c:xMode val="edge"/>
          <c:yMode val="edge"/>
          <c:x val="6.25E-2"/>
          <c:y val="3.646106736657917E-2"/>
          <c:w val="0.46342585835143507"/>
          <c:h val="8.218499957346774E-2"/>
        </c:manualLayout>
      </c:layout>
      <c:overlay val="0"/>
    </c:legend>
    <c:plotVisOnly val="1"/>
    <c:dispBlanksAs val="gap"/>
    <c:showDLblsOverMax val="0"/>
  </c:chart>
  <c:externalData r:id="rId1">
    <c:autoUpdate val="0"/>
  </c:externalData>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5674371348742696E-2"/>
          <c:y val="0.12403355500462483"/>
          <c:w val="0.84227033493954251"/>
          <c:h val="0.70780114744120959"/>
        </c:manualLayout>
      </c:layout>
      <c:lineChart>
        <c:grouping val="standard"/>
        <c:varyColors val="0"/>
        <c:ser>
          <c:idx val="0"/>
          <c:order val="0"/>
          <c:tx>
            <c:strRef>
              <c:f>開業率!$B$9</c:f>
              <c:strCache>
                <c:ptCount val="1"/>
                <c:pt idx="0">
                  <c:v>大阪</c:v>
                </c:pt>
              </c:strCache>
            </c:strRef>
          </c:tx>
          <c:spPr>
            <a:ln w="38100">
              <a:solidFill>
                <a:schemeClr val="accent2"/>
              </a:solidFill>
            </a:ln>
          </c:spPr>
          <c:marker>
            <c:symbol val="x"/>
            <c:size val="7"/>
            <c:spPr>
              <a:solidFill>
                <a:schemeClr val="accent2"/>
              </a:solidFill>
              <a:ln>
                <a:solidFill>
                  <a:schemeClr val="accent2"/>
                </a:solidFill>
              </a:ln>
            </c:spPr>
          </c:marker>
          <c:dLbls>
            <c:dLbl>
              <c:idx val="9"/>
              <c:layout>
                <c:manualLayout>
                  <c:x val="-0.12288586788020392"/>
                  <c:y val="-1.70812732502121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2A-44FD-99C7-42F65CBEE1BD}"/>
                </c:ext>
              </c:extLst>
            </c:dLbl>
            <c:dLbl>
              <c:idx val="10"/>
              <c:layout>
                <c:manualLayout>
                  <c:x val="4.013987109716022E-3"/>
                  <c:y val="4.74063083477466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92A-44FD-99C7-42F65CBEE1BD}"/>
                </c:ext>
              </c:extLst>
            </c:dLbl>
            <c:spPr>
              <a:noFill/>
              <a:ln>
                <a:solidFill>
                  <a:schemeClr val="tx1"/>
                </a:solidFill>
                <a:prstDash val="solid"/>
              </a:ln>
              <a:effectLst/>
            </c:spPr>
            <c:txPr>
              <a:bodyPr wrap="square" lIns="38100" tIns="19050" rIns="38100" bIns="19050" anchor="ctr">
                <a:spAutoFit/>
              </a:bodyPr>
              <a:lstStyle/>
              <a:p>
                <a:pPr>
                  <a:defRPr b="1"/>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9:$M$9</c:f>
              <c:numCache>
                <c:formatCode>0.0%</c:formatCode>
                <c:ptCount val="11"/>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pt idx="10">
                  <c:v>4.5286654889995184E-2</c:v>
                </c:pt>
              </c:numCache>
            </c:numRef>
          </c:val>
          <c:smooth val="0"/>
          <c:extLst>
            <c:ext xmlns:c16="http://schemas.microsoft.com/office/drawing/2014/chart" uri="{C3380CC4-5D6E-409C-BE32-E72D297353CC}">
              <c16:uniqueId val="{00000002-992A-44FD-99C7-42F65CBEE1BD}"/>
            </c:ext>
          </c:extLst>
        </c:ser>
        <c:ser>
          <c:idx val="1"/>
          <c:order val="1"/>
          <c:tx>
            <c:strRef>
              <c:f>開業率!$B$10</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solidFill>
              </a:ln>
            </c:spPr>
          </c:marker>
          <c:dLbls>
            <c:dLbl>
              <c:idx val="9"/>
              <c:layout>
                <c:manualLayout>
                  <c:x val="-0.14671764679635629"/>
                  <c:y val="-3.37356949827899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92A-44FD-99C7-42F65CBEE1BD}"/>
                </c:ext>
              </c:extLst>
            </c:dLbl>
            <c:dLbl>
              <c:idx val="10"/>
              <c:layout>
                <c:manualLayout>
                  <c:x val="1.2160879311326225E-2"/>
                  <c:y val="1.2063964781799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0:$M$10</c:f>
              <c:numCache>
                <c:formatCode>0.0%</c:formatCode>
                <c:ptCount val="11"/>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pt idx="10">
                  <c:v>4.800644294133332E-2</c:v>
                </c:pt>
              </c:numCache>
            </c:numRef>
          </c:val>
          <c:smooth val="0"/>
          <c:extLst>
            <c:ext xmlns:c16="http://schemas.microsoft.com/office/drawing/2014/chart" uri="{C3380CC4-5D6E-409C-BE32-E72D297353CC}">
              <c16:uniqueId val="{00000005-992A-44FD-99C7-42F65CBEE1BD}"/>
            </c:ext>
          </c:extLst>
        </c:ser>
        <c:ser>
          <c:idx val="2"/>
          <c:order val="2"/>
          <c:tx>
            <c:strRef>
              <c:f>開業率!$B$11</c:f>
              <c:strCache>
                <c:ptCount val="1"/>
                <c:pt idx="0">
                  <c:v>愛知</c:v>
                </c:pt>
              </c:strCache>
            </c:strRef>
          </c:tx>
          <c:spPr>
            <a:ln>
              <a:solidFill>
                <a:schemeClr val="accent3"/>
              </a:solidFill>
              <a:prstDash val="sysDash"/>
            </a:ln>
          </c:spPr>
          <c:marker>
            <c:symbol val="triangle"/>
            <c:size val="7"/>
            <c:spPr>
              <a:solidFill>
                <a:schemeClr val="accent3"/>
              </a:solidFill>
              <a:ln>
                <a:solidFill>
                  <a:schemeClr val="accent3">
                    <a:alpha val="98000"/>
                  </a:schemeClr>
                </a:solidFill>
              </a:ln>
            </c:spPr>
          </c:marker>
          <c:dLbls>
            <c:dLbl>
              <c:idx val="9"/>
              <c:layout>
                <c:manualLayout>
                  <c:x val="-1.9614825910210184E-2"/>
                  <c:y val="-0.10035338191310129"/>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92A-44FD-99C7-42F65CBEE1BD}"/>
                </c:ext>
              </c:extLst>
            </c:dLbl>
            <c:dLbl>
              <c:idx val="10"/>
              <c:layout>
                <c:manualLayout>
                  <c:x val="-1.0789978643139858E-3"/>
                  <c:y val="-6.70445384479455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1:$M$11</c:f>
              <c:numCache>
                <c:formatCode>0.0%</c:formatCode>
                <c:ptCount val="11"/>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pt idx="10">
                  <c:v>4.9026084010840111E-2</c:v>
                </c:pt>
              </c:numCache>
            </c:numRef>
          </c:val>
          <c:smooth val="0"/>
          <c:extLst>
            <c:ext xmlns:c16="http://schemas.microsoft.com/office/drawing/2014/chart" uri="{C3380CC4-5D6E-409C-BE32-E72D297353CC}">
              <c16:uniqueId val="{00000008-992A-44FD-99C7-42F65CBEE1BD}"/>
            </c:ext>
          </c:extLst>
        </c:ser>
        <c:ser>
          <c:idx val="3"/>
          <c:order val="3"/>
          <c:tx>
            <c:strRef>
              <c:f>開業率!$B$12</c:f>
              <c:strCache>
                <c:ptCount val="1"/>
                <c:pt idx="0">
                  <c:v>全国平均</c:v>
                </c:pt>
              </c:strCache>
            </c:strRef>
          </c:tx>
          <c:spPr>
            <a:ln>
              <a:prstDash val="solid"/>
            </a:ln>
          </c:spPr>
          <c:marker>
            <c:symbol val="x"/>
            <c:size val="7"/>
          </c:marker>
          <c:dLbls>
            <c:dLbl>
              <c:idx val="9"/>
              <c:layout>
                <c:manualLayout>
                  <c:x val="-9.1110162658667421E-2"/>
                  <c:y val="4.53728082469549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92A-44FD-99C7-42F65CBEE1BD}"/>
                </c:ext>
              </c:extLst>
            </c:dLbl>
            <c:dLbl>
              <c:idx val="10"/>
              <c:layout>
                <c:manualLayout>
                  <c:x val="1.2160879311326225E-2"/>
                  <c:y val="3.70455973806659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92A-44FD-99C7-42F65CBEE1B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M$8</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率!$C$12:$M$12</c:f>
              <c:numCache>
                <c:formatCode>0.0%</c:formatCode>
                <c:ptCount val="11"/>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pt idx="10">
                  <c:v>4.2475251649225311E-2</c:v>
                </c:pt>
              </c:numCache>
            </c:numRef>
          </c:val>
          <c:smooth val="0"/>
          <c:extLst>
            <c:ext xmlns:c16="http://schemas.microsoft.com/office/drawing/2014/chart" uri="{C3380CC4-5D6E-409C-BE32-E72D297353CC}">
              <c16:uniqueId val="{0000000B-992A-44FD-99C7-42F65CBEE1BD}"/>
            </c:ext>
          </c:extLst>
        </c:ser>
        <c:dLbls>
          <c:showLegendKey val="0"/>
          <c:showVal val="0"/>
          <c:showCatName val="0"/>
          <c:showSerName val="0"/>
          <c:showPercent val="0"/>
          <c:showBubbleSize val="0"/>
        </c:dLbls>
        <c:marker val="1"/>
        <c:smooth val="0"/>
        <c:axId val="251228544"/>
        <c:axId val="251230080"/>
      </c:lineChart>
      <c:catAx>
        <c:axId val="251228544"/>
        <c:scaling>
          <c:orientation val="minMax"/>
        </c:scaling>
        <c:delete val="0"/>
        <c:axPos val="b"/>
        <c:numFmt formatCode="General" sourceLinked="1"/>
        <c:majorTickMark val="out"/>
        <c:minorTickMark val="none"/>
        <c:tickLblPos val="nextTo"/>
        <c:crossAx val="251230080"/>
        <c:crosses val="autoZero"/>
        <c:auto val="1"/>
        <c:lblAlgn val="ctr"/>
        <c:lblOffset val="100"/>
        <c:noMultiLvlLbl val="0"/>
      </c:catAx>
      <c:valAx>
        <c:axId val="251230080"/>
        <c:scaling>
          <c:orientation val="minMax"/>
          <c:max val="7.0000000000000007E-2"/>
          <c:min val="4.0000000000000008E-2"/>
        </c:scaling>
        <c:delete val="0"/>
        <c:axPos val="l"/>
        <c:majorGridlines/>
        <c:numFmt formatCode="0.0%" sourceLinked="1"/>
        <c:majorTickMark val="out"/>
        <c:minorTickMark val="none"/>
        <c:tickLblPos val="nextTo"/>
        <c:crossAx val="251228544"/>
        <c:crosses val="autoZero"/>
        <c:crossBetween val="between"/>
      </c:valAx>
    </c:plotArea>
    <c:legend>
      <c:legendPos val="t"/>
      <c:layout>
        <c:manualLayout>
          <c:xMode val="edge"/>
          <c:yMode val="edge"/>
          <c:x val="0.12334148881410599"/>
          <c:y val="4.0940131558587584E-2"/>
          <c:w val="0.81023051523647205"/>
          <c:h val="4.9354456865219498E-2"/>
        </c:manualLayout>
      </c:layout>
      <c:overlay val="0"/>
    </c:legend>
    <c:plotVisOnly val="1"/>
    <c:dispBlanksAs val="gap"/>
    <c:showDLblsOverMax val="0"/>
  </c:chart>
  <c:externalData r:id="rId1">
    <c:autoUpdate val="0"/>
  </c:externalData>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81657202600712253"/>
          <c:h val="0.75405491192601215"/>
        </c:manualLayout>
      </c:layout>
      <c:lineChart>
        <c:grouping val="standard"/>
        <c:varyColors val="0"/>
        <c:ser>
          <c:idx val="0"/>
          <c:order val="0"/>
          <c:tx>
            <c:strRef>
              <c:f>開業数!$B$4</c:f>
              <c:strCache>
                <c:ptCount val="1"/>
                <c:pt idx="0">
                  <c:v>大阪</c:v>
                </c:pt>
              </c:strCache>
            </c:strRef>
          </c:tx>
          <c:spPr>
            <a:ln>
              <a:solidFill>
                <a:schemeClr val="accent2"/>
              </a:solidFill>
              <a:prstDash val="solid"/>
            </a:ln>
          </c:spPr>
          <c:marker>
            <c:symbol val="square"/>
            <c:size val="7"/>
            <c:spPr>
              <a:solidFill>
                <a:schemeClr val="accent2">
                  <a:alpha val="97000"/>
                </a:schemeClr>
              </a:solidFill>
              <a:ln>
                <a:solidFill>
                  <a:schemeClr val="accent2"/>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0-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01-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02-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03-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04-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05-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06-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07-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08-C629-44C3-809B-0B209AAB42A7}"/>
                </c:ext>
              </c:extLst>
            </c:dLbl>
            <c:dLbl>
              <c:idx val="9"/>
              <c:layout>
                <c:manualLayout>
                  <c:x val="-0.12863767547728744"/>
                  <c:y val="-0.12519841269841278"/>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fld id="{19D15B8D-30AD-4B63-93D7-06A96F4F793B}"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t>[値]</a:t>
                    </a:fld>
                    <a:endParaRPr lang="ja-JP" altLang="en-US"/>
                  </a:p>
                </c:rich>
              </c:tx>
              <c:spPr>
                <a:noFill/>
                <a:ln>
                  <a:solidFill>
                    <a:schemeClr val="tx1"/>
                  </a:solid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C629-44C3-809B-0B209AAB42A7}"/>
                </c:ext>
              </c:extLst>
            </c:dLbl>
            <c:dLbl>
              <c:idx val="10"/>
              <c:layout>
                <c:manualLayout>
                  <c:x val="-1.390095947550226E-3"/>
                  <c:y val="-0.15019841269841269"/>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fld id="{64F3F08D-2DA2-4F93-905E-96055B0E48F5}"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1" i="0" u="none" strike="noStrike" kern="1200" baseline="0">
                        <a:solidFill>
                          <a:sysClr val="windowText" lastClr="000000"/>
                        </a:solidFill>
                        <a:latin typeface="+mn-ea"/>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0.0</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solidFill>
                    <a:schemeClr val="tx1"/>
                  </a:solid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A-C629-44C3-809B-0B209AAB42A7}"/>
                </c:ext>
              </c:extLst>
            </c:dLbl>
            <c:spPr>
              <a:noFill/>
              <a:ln>
                <a:solidFill>
                  <a:schemeClr val="tx1"/>
                </a:solidFill>
              </a:ln>
              <a:effectLst/>
            </c:spPr>
            <c:txPr>
              <a:bodyPr wrap="square" lIns="38100" tIns="19050" rIns="38100" bIns="19050" anchor="ctr">
                <a:spAutoFit/>
              </a:bodyPr>
              <a:lstStyle/>
              <a:p>
                <a:pPr>
                  <a:defRPr sz="1000" b="1">
                    <a:latin typeface="+mn-ea"/>
                    <a:ea typeface="+mn-ea"/>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4:$M$4</c:f>
              <c:numCache>
                <c:formatCode>#,##0</c:formatCode>
                <c:ptCount val="11"/>
                <c:pt idx="0">
                  <c:v>7770</c:v>
                </c:pt>
                <c:pt idx="1">
                  <c:v>7477</c:v>
                </c:pt>
                <c:pt idx="2">
                  <c:v>7564</c:v>
                </c:pt>
                <c:pt idx="3">
                  <c:v>7854</c:v>
                </c:pt>
                <c:pt idx="4">
                  <c:v>8276</c:v>
                </c:pt>
                <c:pt idx="5">
                  <c:v>8383</c:v>
                </c:pt>
                <c:pt idx="6">
                  <c:v>10119</c:v>
                </c:pt>
                <c:pt idx="7">
                  <c:v>11700</c:v>
                </c:pt>
                <c:pt idx="8">
                  <c:v>11629</c:v>
                </c:pt>
                <c:pt idx="9" formatCode="#,##0_ ">
                  <c:v>8463</c:v>
                </c:pt>
                <c:pt idx="10">
                  <c:v>8460</c:v>
                </c:pt>
              </c:numCache>
            </c:numRef>
          </c:val>
          <c:smooth val="0"/>
          <c:extLst>
            <c:ext xmlns:c16="http://schemas.microsoft.com/office/drawing/2014/chart" uri="{C3380CC4-5D6E-409C-BE32-E72D297353CC}">
              <c16:uniqueId val="{0000000B-C629-44C3-809B-0B209AAB42A7}"/>
            </c:ext>
          </c:extLst>
        </c:ser>
        <c:ser>
          <c:idx val="1"/>
          <c:order val="1"/>
          <c:tx>
            <c:strRef>
              <c:f>開業数!$B$5</c:f>
              <c:strCache>
                <c:ptCount val="1"/>
                <c:pt idx="0">
                  <c:v>東京</c:v>
                </c:pt>
              </c:strCache>
            </c:strRef>
          </c:tx>
          <c:spPr>
            <a:ln cmpd="dbl">
              <a:solidFill>
                <a:schemeClr val="accent1"/>
              </a:solidFill>
              <a:prstDash val="sysDot"/>
            </a:ln>
          </c:spPr>
          <c:marker>
            <c:symbol val="diamond"/>
            <c:size val="7"/>
            <c:spPr>
              <a:solidFill>
                <a:schemeClr val="accent1"/>
              </a:solidFill>
              <a:ln>
                <a:solidFill>
                  <a:schemeClr val="accent1">
                    <a:alpha val="92000"/>
                  </a:schemeClr>
                </a:solidFill>
              </a:ln>
            </c:spPr>
          </c:marker>
          <c:dLbls>
            <c:dLbl>
              <c:idx val="0"/>
              <c:delete val="1"/>
              <c:extLst>
                <c:ext xmlns:c15="http://schemas.microsoft.com/office/drawing/2012/chart" uri="{CE6537A1-D6FC-4f65-9D91-7224C49458BB}"/>
                <c:ext xmlns:c16="http://schemas.microsoft.com/office/drawing/2014/chart" uri="{C3380CC4-5D6E-409C-BE32-E72D297353CC}">
                  <c16:uniqueId val="{0000000C-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0D-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0E-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0F-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10-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11-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12-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13-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14-C629-44C3-809B-0B209AAB42A7}"/>
                </c:ext>
              </c:extLst>
            </c:dLbl>
            <c:dLbl>
              <c:idx val="9"/>
              <c:layout>
                <c:manualLayout>
                  <c:x val="-0.12324010709767981"/>
                  <c:y val="-0.11263338887672573"/>
                </c:manualLayout>
              </c:layout>
              <c:tx>
                <c:rich>
                  <a:bodyPr/>
                  <a:lstStyle/>
                  <a:p>
                    <a:fld id="{6003A404-D2EF-4447-8466-2C857F189392}" type="VALUE">
                      <a:rPr lang="en-US" altLang="ja-JP"/>
                      <a:pPr/>
                      <a:t>[値]</a:t>
                    </a:fld>
                    <a:endParaRPr lang="ja-JP" altLang="en-US"/>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5-C629-44C3-809B-0B209AAB42A7}"/>
                </c:ext>
              </c:extLst>
            </c:dLbl>
            <c:dLbl>
              <c:idx val="10"/>
              <c:layout>
                <c:manualLayout>
                  <c:x val="-1.6922054867622874E-3"/>
                  <c:y val="-0.12834333208348955"/>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A9112513-2AA0-438D-85FF-A0909C18AC34}"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2.9</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16-C629-44C3-809B-0B209AAB42A7}"/>
                </c:ext>
              </c:extLst>
            </c:dLbl>
            <c:spPr>
              <a:noFill/>
              <a:ln>
                <a:noFill/>
              </a:ln>
              <a:effectLst/>
            </c:spPr>
            <c:txPr>
              <a:bodyPr wrap="square" lIns="38100" tIns="19050" rIns="38100" bIns="19050" anchor="ctr">
                <a:spAutoFit/>
              </a:bodyPr>
              <a:lstStyle/>
              <a:p>
                <a:pPr>
                  <a:defRPr sz="10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5:$M$5</c:f>
              <c:numCache>
                <c:formatCode>#,##0</c:formatCode>
                <c:ptCount val="11"/>
                <c:pt idx="0">
                  <c:v>15516</c:v>
                </c:pt>
                <c:pt idx="1">
                  <c:v>15065</c:v>
                </c:pt>
                <c:pt idx="2">
                  <c:v>14727</c:v>
                </c:pt>
                <c:pt idx="3">
                  <c:v>14931</c:v>
                </c:pt>
                <c:pt idx="4">
                  <c:v>15757</c:v>
                </c:pt>
                <c:pt idx="5">
                  <c:v>16995</c:v>
                </c:pt>
                <c:pt idx="6">
                  <c:v>18930</c:v>
                </c:pt>
                <c:pt idx="7">
                  <c:v>20557</c:v>
                </c:pt>
                <c:pt idx="8">
                  <c:v>20811</c:v>
                </c:pt>
                <c:pt idx="9" formatCode="#,##0_ ">
                  <c:v>18179</c:v>
                </c:pt>
                <c:pt idx="10">
                  <c:v>17644</c:v>
                </c:pt>
              </c:numCache>
            </c:numRef>
          </c:val>
          <c:smooth val="0"/>
          <c:extLst>
            <c:ext xmlns:c16="http://schemas.microsoft.com/office/drawing/2014/chart" uri="{C3380CC4-5D6E-409C-BE32-E72D297353CC}">
              <c16:uniqueId val="{00000017-C629-44C3-809B-0B209AAB42A7}"/>
            </c:ext>
          </c:extLst>
        </c:ser>
        <c:ser>
          <c:idx val="2"/>
          <c:order val="2"/>
          <c:tx>
            <c:strRef>
              <c:f>開業数!$B$6</c:f>
              <c:strCache>
                <c:ptCount val="1"/>
                <c:pt idx="0">
                  <c:v>愛知</c:v>
                </c:pt>
              </c:strCache>
            </c:strRef>
          </c:tx>
          <c:spPr>
            <a:ln>
              <a:prstDash val="sysDash"/>
            </a:ln>
          </c:spPr>
          <c:dLbls>
            <c:dLbl>
              <c:idx val="0"/>
              <c:delete val="1"/>
              <c:extLst>
                <c:ext xmlns:c15="http://schemas.microsoft.com/office/drawing/2012/chart" uri="{CE6537A1-D6FC-4f65-9D91-7224C49458BB}"/>
                <c:ext xmlns:c16="http://schemas.microsoft.com/office/drawing/2014/chart" uri="{C3380CC4-5D6E-409C-BE32-E72D297353CC}">
                  <c16:uniqueId val="{00000018-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19-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1A-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1B-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1C-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1D-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1E-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1F-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20-C629-44C3-809B-0B209AAB42A7}"/>
                </c:ext>
              </c:extLst>
            </c:dLbl>
            <c:dLbl>
              <c:idx val="9"/>
              <c:layout>
                <c:manualLayout>
                  <c:x val="-0.13316322663239347"/>
                  <c:y val="-7.2177131704690756E-2"/>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D0C5BF4E-E77D-4604-B197-33CD3F70A28A}"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1-C629-44C3-809B-0B209AAB42A7}"/>
                </c:ext>
              </c:extLst>
            </c:dLbl>
            <c:dLbl>
              <c:idx val="10"/>
              <c:layout>
                <c:manualLayout>
                  <c:x val="1.0407187687068698E-16"/>
                  <c:y val="2.7893836698762138E-3"/>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C157ACFB-36A7-4C3E-85CE-2CE5DD16096B}" type="VALUE">
                      <a:rPr lang="en-US" altLang="ja-JP" sz="1000"/>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3.3</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2-C629-44C3-809B-0B209AAB42A7}"/>
                </c:ext>
              </c:extLst>
            </c:dLbl>
            <c:spPr>
              <a:noFill/>
              <a:ln>
                <a:noFill/>
              </a:ln>
              <a:effectLst/>
            </c:spPr>
            <c:txPr>
              <a:bodyPr wrap="square" lIns="38100" tIns="19050" rIns="38100" bIns="19050" anchor="ctr">
                <a:spAutoFit/>
              </a:bodyPr>
              <a:lstStyle/>
              <a:p>
                <a:pPr>
                  <a:defRPr sz="10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6:$M$6</c:f>
              <c:numCache>
                <c:formatCode>#,##0</c:formatCode>
                <c:ptCount val="11"/>
                <c:pt idx="0">
                  <c:v>5568</c:v>
                </c:pt>
                <c:pt idx="1">
                  <c:v>5424</c:v>
                </c:pt>
                <c:pt idx="2">
                  <c:v>5233</c:v>
                </c:pt>
                <c:pt idx="3">
                  <c:v>5480</c:v>
                </c:pt>
                <c:pt idx="4">
                  <c:v>5660</c:v>
                </c:pt>
                <c:pt idx="5">
                  <c:v>6196</c:v>
                </c:pt>
                <c:pt idx="6">
                  <c:v>6613</c:v>
                </c:pt>
                <c:pt idx="7">
                  <c:v>7149</c:v>
                </c:pt>
                <c:pt idx="8">
                  <c:v>7040</c:v>
                </c:pt>
                <c:pt idx="9" formatCode="#,##0_ ">
                  <c:v>5987</c:v>
                </c:pt>
                <c:pt idx="10">
                  <c:v>5789</c:v>
                </c:pt>
              </c:numCache>
            </c:numRef>
          </c:val>
          <c:smooth val="0"/>
          <c:extLst>
            <c:ext xmlns:c16="http://schemas.microsoft.com/office/drawing/2014/chart" uri="{C3380CC4-5D6E-409C-BE32-E72D297353CC}">
              <c16:uniqueId val="{00000023-C629-44C3-809B-0B209AAB42A7}"/>
            </c:ext>
          </c:extLst>
        </c:ser>
        <c:ser>
          <c:idx val="3"/>
          <c:order val="3"/>
          <c:tx>
            <c:strRef>
              <c:f>開業数!$B$7</c:f>
              <c:strCache>
                <c:ptCount val="1"/>
                <c:pt idx="0">
                  <c:v>全国平均</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24-C629-44C3-809B-0B209AAB42A7}"/>
                </c:ext>
              </c:extLst>
            </c:dLbl>
            <c:dLbl>
              <c:idx val="1"/>
              <c:delete val="1"/>
              <c:extLst>
                <c:ext xmlns:c15="http://schemas.microsoft.com/office/drawing/2012/chart" uri="{CE6537A1-D6FC-4f65-9D91-7224C49458BB}"/>
                <c:ext xmlns:c16="http://schemas.microsoft.com/office/drawing/2014/chart" uri="{C3380CC4-5D6E-409C-BE32-E72D297353CC}">
                  <c16:uniqueId val="{00000025-C629-44C3-809B-0B209AAB42A7}"/>
                </c:ext>
              </c:extLst>
            </c:dLbl>
            <c:dLbl>
              <c:idx val="2"/>
              <c:delete val="1"/>
              <c:extLst>
                <c:ext xmlns:c15="http://schemas.microsoft.com/office/drawing/2012/chart" uri="{CE6537A1-D6FC-4f65-9D91-7224C49458BB}"/>
                <c:ext xmlns:c16="http://schemas.microsoft.com/office/drawing/2014/chart" uri="{C3380CC4-5D6E-409C-BE32-E72D297353CC}">
                  <c16:uniqueId val="{00000026-C629-44C3-809B-0B209AAB42A7}"/>
                </c:ext>
              </c:extLst>
            </c:dLbl>
            <c:dLbl>
              <c:idx val="3"/>
              <c:delete val="1"/>
              <c:extLst>
                <c:ext xmlns:c15="http://schemas.microsoft.com/office/drawing/2012/chart" uri="{CE6537A1-D6FC-4f65-9D91-7224C49458BB}"/>
                <c:ext xmlns:c16="http://schemas.microsoft.com/office/drawing/2014/chart" uri="{C3380CC4-5D6E-409C-BE32-E72D297353CC}">
                  <c16:uniqueId val="{00000027-C629-44C3-809B-0B209AAB42A7}"/>
                </c:ext>
              </c:extLst>
            </c:dLbl>
            <c:dLbl>
              <c:idx val="4"/>
              <c:delete val="1"/>
              <c:extLst>
                <c:ext xmlns:c15="http://schemas.microsoft.com/office/drawing/2012/chart" uri="{CE6537A1-D6FC-4f65-9D91-7224C49458BB}"/>
                <c:ext xmlns:c16="http://schemas.microsoft.com/office/drawing/2014/chart" uri="{C3380CC4-5D6E-409C-BE32-E72D297353CC}">
                  <c16:uniqueId val="{00000028-C629-44C3-809B-0B209AAB42A7}"/>
                </c:ext>
              </c:extLst>
            </c:dLbl>
            <c:dLbl>
              <c:idx val="5"/>
              <c:delete val="1"/>
              <c:extLst>
                <c:ext xmlns:c15="http://schemas.microsoft.com/office/drawing/2012/chart" uri="{CE6537A1-D6FC-4f65-9D91-7224C49458BB}"/>
                <c:ext xmlns:c16="http://schemas.microsoft.com/office/drawing/2014/chart" uri="{C3380CC4-5D6E-409C-BE32-E72D297353CC}">
                  <c16:uniqueId val="{00000029-C629-44C3-809B-0B209AAB42A7}"/>
                </c:ext>
              </c:extLst>
            </c:dLbl>
            <c:dLbl>
              <c:idx val="6"/>
              <c:delete val="1"/>
              <c:extLst>
                <c:ext xmlns:c15="http://schemas.microsoft.com/office/drawing/2012/chart" uri="{CE6537A1-D6FC-4f65-9D91-7224C49458BB}"/>
                <c:ext xmlns:c16="http://schemas.microsoft.com/office/drawing/2014/chart" uri="{C3380CC4-5D6E-409C-BE32-E72D297353CC}">
                  <c16:uniqueId val="{0000002A-C629-44C3-809B-0B209AAB42A7}"/>
                </c:ext>
              </c:extLst>
            </c:dLbl>
            <c:dLbl>
              <c:idx val="7"/>
              <c:delete val="1"/>
              <c:extLst>
                <c:ext xmlns:c15="http://schemas.microsoft.com/office/drawing/2012/chart" uri="{CE6537A1-D6FC-4f65-9D91-7224C49458BB}"/>
                <c:ext xmlns:c16="http://schemas.microsoft.com/office/drawing/2014/chart" uri="{C3380CC4-5D6E-409C-BE32-E72D297353CC}">
                  <c16:uniqueId val="{0000002B-C629-44C3-809B-0B209AAB42A7}"/>
                </c:ext>
              </c:extLst>
            </c:dLbl>
            <c:dLbl>
              <c:idx val="8"/>
              <c:delete val="1"/>
              <c:extLst>
                <c:ext xmlns:c15="http://schemas.microsoft.com/office/drawing/2012/chart" uri="{CE6537A1-D6FC-4f65-9D91-7224C49458BB}"/>
                <c:ext xmlns:c16="http://schemas.microsoft.com/office/drawing/2014/chart" uri="{C3380CC4-5D6E-409C-BE32-E72D297353CC}">
                  <c16:uniqueId val="{0000002C-C629-44C3-809B-0B209AAB42A7}"/>
                </c:ext>
              </c:extLst>
            </c:dLbl>
            <c:dLbl>
              <c:idx val="9"/>
              <c:layout>
                <c:manualLayout>
                  <c:x val="-0.11823656897659576"/>
                  <c:y val="-5.7509998750156305E-2"/>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B5B6C133-EAD0-429C-8E0F-E83A1F3D4B70}" type="VALUE">
                      <a:rPr lang="en-US" altLang="ja-JP" sz="1000" u="none"/>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D-C629-44C3-809B-0B209AAB42A7}"/>
                </c:ext>
              </c:extLst>
            </c:dLbl>
            <c:dLbl>
              <c:idx val="10"/>
              <c:layout>
                <c:manualLayout>
                  <c:x val="1.0407187687068698E-16"/>
                  <c:y val="5.8038875489058199E-3"/>
                </c:manualLayout>
              </c:layout>
              <c:tx>
                <c:rich>
                  <a:bodyPr wrap="square" lIns="38100" tIns="19050" rIns="38100" bIns="1905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836E3FEF-4EF5-4194-9084-E1F8780E71E4}" type="VALUE">
                      <a:rPr lang="en-US" altLang="ja-JP" sz="1000" u="none"/>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値]</a:t>
                    </a:fld>
                    <a:endParaRPr lang="en-US" altLang="ja-JP" sz="1000" u="none"/>
                  </a:p>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r>
                      <a:rPr lang="en-US" altLang="ja-JP" sz="1000" b="0" i="0" u="none" strike="noStrike" kern="1200" baseline="0">
                        <a:solidFill>
                          <a:sysClr val="windowText" lastClr="000000"/>
                        </a:solidFill>
                      </a:rPr>
                      <a:t>(</a:t>
                    </a:r>
                    <a:r>
                      <a:rPr lang="ja-JP" altLang="en-US" sz="1000" b="0" i="0" u="none" strike="noStrike" kern="1200" baseline="0">
                        <a:solidFill>
                          <a:sysClr val="windowText" lastClr="000000"/>
                        </a:solidFill>
                      </a:rPr>
                      <a:t>伸率▲</a:t>
                    </a:r>
                    <a:r>
                      <a:rPr lang="en-US" altLang="ja-JP" sz="1000" b="0" i="0" u="none" strike="noStrike" kern="1200" baseline="0">
                        <a:solidFill>
                          <a:sysClr val="windowText" lastClr="000000"/>
                        </a:solidFill>
                      </a:rPr>
                      <a:t>2.7</a:t>
                    </a:r>
                    <a:r>
                      <a:rPr lang="ja-JP" altLang="en-US" sz="1000" b="0" i="0" u="none" strike="noStrike" kern="1200" baseline="0">
                        <a:solidFill>
                          <a:sysClr val="windowText" lastClr="000000"/>
                        </a:solidFill>
                      </a:rPr>
                      <a:t>％</a:t>
                    </a:r>
                    <a:r>
                      <a:rPr lang="en-US" altLang="ja-JP" sz="1000" b="0" i="0" u="none" strike="noStrike" kern="1200" baseline="0">
                        <a:solidFill>
                          <a:sysClr val="windowText" lastClr="000000"/>
                        </a:solidFill>
                      </a:rPr>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2E-C629-44C3-809B-0B209AAB42A7}"/>
                </c:ext>
              </c:extLst>
            </c:dLbl>
            <c:spPr>
              <a:noFill/>
              <a:ln>
                <a:noFill/>
              </a:ln>
              <a:effectLst/>
            </c:spPr>
            <c:txPr>
              <a:bodyPr wrap="square" lIns="38100" tIns="19050" rIns="38100" bIns="19050" anchor="ctr">
                <a:spAutoFit/>
              </a:bodyPr>
              <a:lstStyle/>
              <a:p>
                <a:pPr>
                  <a:defRPr sz="1000" u="none"/>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開業数!$C$3:$M$3</c:f>
              <c:strCache>
                <c:ptCount val="11"/>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pt idx="10">
                  <c:v>2019年度</c:v>
                </c:pt>
              </c:strCache>
            </c:strRef>
          </c:cat>
          <c:val>
            <c:numRef>
              <c:f>開業数!$C$7:$M$7</c:f>
              <c:numCache>
                <c:formatCode>#,##0</c:formatCode>
                <c:ptCount val="11"/>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pt idx="10" formatCode="#,##0_ ">
                  <c:v>2039.2765957446809</c:v>
                </c:pt>
              </c:numCache>
            </c:numRef>
          </c:val>
          <c:smooth val="0"/>
          <c:extLst>
            <c:ext xmlns:c16="http://schemas.microsoft.com/office/drawing/2014/chart" uri="{C3380CC4-5D6E-409C-BE32-E72D297353CC}">
              <c16:uniqueId val="{0000002F-C629-44C3-809B-0B209AAB42A7}"/>
            </c:ext>
          </c:extLst>
        </c:ser>
        <c:dLbls>
          <c:showLegendKey val="0"/>
          <c:showVal val="0"/>
          <c:showCatName val="0"/>
          <c:showSerName val="0"/>
          <c:showPercent val="0"/>
          <c:showBubbleSize val="0"/>
        </c:dLbls>
        <c:marker val="1"/>
        <c:smooth val="0"/>
        <c:axId val="216316160"/>
        <c:axId val="216326144"/>
      </c:lineChart>
      <c:catAx>
        <c:axId val="216316160"/>
        <c:scaling>
          <c:orientation val="minMax"/>
        </c:scaling>
        <c:delete val="0"/>
        <c:axPos val="b"/>
        <c:numFmt formatCode="General" sourceLinked="1"/>
        <c:majorTickMark val="out"/>
        <c:minorTickMark val="none"/>
        <c:tickLblPos val="nextTo"/>
        <c:txPr>
          <a:bodyPr/>
          <a:lstStyle/>
          <a:p>
            <a:pPr>
              <a:defRPr sz="1000"/>
            </a:pPr>
            <a:endParaRPr lang="ja-JP"/>
          </a:p>
        </c:txPr>
        <c:crossAx val="216326144"/>
        <c:crosses val="autoZero"/>
        <c:auto val="1"/>
        <c:lblAlgn val="ctr"/>
        <c:lblOffset val="100"/>
        <c:noMultiLvlLbl val="0"/>
      </c:catAx>
      <c:valAx>
        <c:axId val="216326144"/>
        <c:scaling>
          <c:orientation val="minMax"/>
        </c:scaling>
        <c:delete val="0"/>
        <c:axPos val="l"/>
        <c:majorGridlines/>
        <c:numFmt formatCode="#,##0" sourceLinked="1"/>
        <c:majorTickMark val="out"/>
        <c:minorTickMark val="none"/>
        <c:tickLblPos val="nextTo"/>
        <c:crossAx val="216316160"/>
        <c:crosses val="autoZero"/>
        <c:crossBetween val="between"/>
      </c:valAx>
    </c:plotArea>
    <c:legend>
      <c:legendPos val="t"/>
      <c:layout>
        <c:manualLayout>
          <c:xMode val="edge"/>
          <c:yMode val="edge"/>
          <c:x val="0.12838283828382838"/>
          <c:y val="2.564102564102564E-2"/>
          <c:w val="0.85544554455445532"/>
          <c:h val="7.7277407631738335E-2"/>
        </c:manualLayout>
      </c:layout>
      <c:overlay val="0"/>
    </c:legend>
    <c:plotVisOnly val="1"/>
    <c:dispBlanksAs val="gap"/>
    <c:showDLblsOverMax val="0"/>
  </c:chart>
  <c:externalData r:id="rId1">
    <c:autoUpdate val="0"/>
  </c:externalData>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1458798470144807E-2"/>
          <c:y val="5.754843454004669E-2"/>
          <c:w val="0.73014619047751117"/>
          <c:h val="0.87700823299009278"/>
        </c:manualLayout>
      </c:layout>
      <c:lineChart>
        <c:grouping val="standard"/>
        <c:varyColors val="0"/>
        <c:ser>
          <c:idx val="0"/>
          <c:order val="0"/>
          <c:tx>
            <c:strRef>
              <c:f>業種別!$A$3</c:f>
              <c:strCache>
                <c:ptCount val="1"/>
                <c:pt idx="0">
                  <c:v>製造業</c:v>
                </c:pt>
              </c:strCache>
            </c:strRef>
          </c:tx>
          <c:dLbls>
            <c:dLbl>
              <c:idx val="1"/>
              <c:delete val="1"/>
              <c:extLst>
                <c:ext xmlns:c15="http://schemas.microsoft.com/office/drawing/2012/chart" uri="{CE6537A1-D6FC-4f65-9D91-7224C49458BB}"/>
                <c:ext xmlns:c16="http://schemas.microsoft.com/office/drawing/2014/chart" uri="{C3380CC4-5D6E-409C-BE32-E72D297353CC}">
                  <c16:uniqueId val="{00000000-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1-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02-48F7-4E23-9B85-4D4B2F2DF635}"/>
                </c:ext>
              </c:extLst>
            </c:dLbl>
            <c:dLbl>
              <c:idx val="4"/>
              <c:layout>
                <c:manualLayout>
                  <c:x val="2.4324320873331792E-2"/>
                  <c:y val="-3.720238095238095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04-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05-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06-48F7-4E23-9B85-4D4B2F2DF635}"/>
                </c:ext>
              </c:extLst>
            </c:dLbl>
            <c:dLbl>
              <c:idx val="9"/>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3:$K$3</c:f>
              <c:numCache>
                <c:formatCode>#,##0</c:formatCode>
                <c:ptCount val="10"/>
                <c:pt idx="0">
                  <c:v>30741</c:v>
                </c:pt>
                <c:pt idx="1">
                  <c:v>29924</c:v>
                </c:pt>
                <c:pt idx="2">
                  <c:v>29386</c:v>
                </c:pt>
                <c:pt idx="3">
                  <c:v>28853</c:v>
                </c:pt>
                <c:pt idx="4">
                  <c:v>28472</c:v>
                </c:pt>
                <c:pt idx="5">
                  <c:v>27907</c:v>
                </c:pt>
                <c:pt idx="6">
                  <c:v>27584</c:v>
                </c:pt>
                <c:pt idx="7">
                  <c:v>27344</c:v>
                </c:pt>
                <c:pt idx="8">
                  <c:v>27020</c:v>
                </c:pt>
                <c:pt idx="9" formatCode="#,##0_);[Red]\(#,##0\)">
                  <c:v>26752</c:v>
                </c:pt>
              </c:numCache>
            </c:numRef>
          </c:val>
          <c:smooth val="0"/>
          <c:extLst>
            <c:ext xmlns:c16="http://schemas.microsoft.com/office/drawing/2014/chart" uri="{C3380CC4-5D6E-409C-BE32-E72D297353CC}">
              <c16:uniqueId val="{00000008-48F7-4E23-9B85-4D4B2F2DF635}"/>
            </c:ext>
          </c:extLst>
        </c:ser>
        <c:ser>
          <c:idx val="1"/>
          <c:order val="1"/>
          <c:tx>
            <c:strRef>
              <c:f>業種別!$A$4</c:f>
              <c:strCache>
                <c:ptCount val="1"/>
                <c:pt idx="0">
                  <c:v>建設業</c:v>
                </c:pt>
              </c:strCache>
            </c:strRef>
          </c:tx>
          <c:dLbls>
            <c:dLbl>
              <c:idx val="0"/>
              <c:layout>
                <c:manualLayout>
                  <c:x val="-7.470288624787777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8F7-4E23-9B85-4D4B2F2DF635}"/>
                </c:ext>
              </c:extLst>
            </c:dLbl>
            <c:dLbl>
              <c:idx val="6"/>
              <c:layout>
                <c:manualLayout>
                  <c:x val="-9.6504490813011226E-2"/>
                  <c:y val="-5.8035714285714343E-2"/>
                </c:manualLayout>
              </c:layout>
              <c:tx>
                <c:rich>
                  <a:bodyPr/>
                  <a:lstStyle/>
                  <a:p>
                    <a:r>
                      <a:rPr lang="ja-JP" altLang="en-US" b="1"/>
                      <a:t>建設業</a:t>
                    </a:r>
                  </a:p>
                </c:rich>
              </c:tx>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A-48F7-4E23-9B85-4D4B2F2DF635}"/>
                </c:ext>
              </c:extLst>
            </c:dLbl>
            <c:dLbl>
              <c:idx val="8"/>
              <c:layout>
                <c:manualLayout>
                  <c:x val="-3.8888836080182156E-2"/>
                  <c:y val="3.73678290213723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8F7-4E23-9B85-4D4B2F2DF635}"/>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8F7-4E23-9B85-4D4B2F2DF63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4:$K$4</c:f>
              <c:numCache>
                <c:formatCode>#,##0</c:formatCode>
                <c:ptCount val="10"/>
                <c:pt idx="0" formatCode="#,##0_);[Red]\(#,##0\)">
                  <c:v>17716</c:v>
                </c:pt>
                <c:pt idx="1">
                  <c:v>17641</c:v>
                </c:pt>
                <c:pt idx="2">
                  <c:v>17640</c:v>
                </c:pt>
                <c:pt idx="3">
                  <c:v>17984</c:v>
                </c:pt>
                <c:pt idx="4">
                  <c:v>18743</c:v>
                </c:pt>
                <c:pt idx="5">
                  <c:v>19574</c:v>
                </c:pt>
                <c:pt idx="6">
                  <c:v>20885</c:v>
                </c:pt>
                <c:pt idx="7">
                  <c:v>23669</c:v>
                </c:pt>
                <c:pt idx="8">
                  <c:v>26527</c:v>
                </c:pt>
                <c:pt idx="9" formatCode="#,##0_);[Red]\(#,##0\)">
                  <c:v>27233</c:v>
                </c:pt>
              </c:numCache>
            </c:numRef>
          </c:val>
          <c:smooth val="0"/>
          <c:extLst>
            <c:ext xmlns:c16="http://schemas.microsoft.com/office/drawing/2014/chart" uri="{C3380CC4-5D6E-409C-BE32-E72D297353CC}">
              <c16:uniqueId val="{0000000D-48F7-4E23-9B85-4D4B2F2DF635}"/>
            </c:ext>
          </c:extLst>
        </c:ser>
        <c:ser>
          <c:idx val="2"/>
          <c:order val="2"/>
          <c:tx>
            <c:strRef>
              <c:f>業種別!$A$5</c:f>
              <c:strCache>
                <c:ptCount val="1"/>
                <c:pt idx="0">
                  <c:v>卸売業</c:v>
                </c:pt>
              </c:strCache>
            </c:strRef>
          </c:tx>
          <c:dLbls>
            <c:dLbl>
              <c:idx val="1"/>
              <c:layout>
                <c:manualLayout>
                  <c:x val="-6.414413504374902E-3"/>
                  <c:y val="-4.017857142857143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E-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F-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0-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1-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2-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3-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4-48F7-4E23-9B85-4D4B2F2DF635}"/>
                </c:ext>
              </c:extLst>
            </c:dLbl>
            <c:dLbl>
              <c:idx val="8"/>
              <c:layout>
                <c:manualLayout>
                  <c:x val="-3.4927736807217724E-2"/>
                  <c:y val="2.7686464516741036E-2"/>
                </c:manualLayout>
              </c:layout>
              <c:tx>
                <c:rich>
                  <a:bodyPr/>
                  <a:lstStyle/>
                  <a:p>
                    <a:r>
                      <a:rPr lang="en-US" altLang="ja-JP"/>
                      <a:t>17,805</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8F7-4E23-9B85-4D4B2F2DF635}"/>
                </c:ext>
              </c:extLst>
            </c:dLbl>
            <c:dLbl>
              <c:idx val="9"/>
              <c:layout>
                <c:manualLayout>
                  <c:x val="-3.1591787151546077E-2"/>
                  <c:y val="2.34317327466582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1-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5:$K$5</c:f>
              <c:numCache>
                <c:formatCode>#,##0</c:formatCode>
                <c:ptCount val="10"/>
                <c:pt idx="0">
                  <c:v>19552</c:v>
                </c:pt>
                <c:pt idx="1">
                  <c:v>19353</c:v>
                </c:pt>
                <c:pt idx="2">
                  <c:v>19039</c:v>
                </c:pt>
                <c:pt idx="3">
                  <c:v>18788</c:v>
                </c:pt>
                <c:pt idx="4">
                  <c:v>18640</c:v>
                </c:pt>
                <c:pt idx="5">
                  <c:v>18357</c:v>
                </c:pt>
                <c:pt idx="6">
                  <c:v>18175</c:v>
                </c:pt>
                <c:pt idx="7">
                  <c:v>18048</c:v>
                </c:pt>
                <c:pt idx="8">
                  <c:v>17805</c:v>
                </c:pt>
                <c:pt idx="9" formatCode="#,##0_);[Red]\(#,##0\)">
                  <c:v>17619</c:v>
                </c:pt>
              </c:numCache>
            </c:numRef>
          </c:val>
          <c:smooth val="0"/>
          <c:extLst>
            <c:ext xmlns:c16="http://schemas.microsoft.com/office/drawing/2014/chart" uri="{C3380CC4-5D6E-409C-BE32-E72D297353CC}">
              <c16:uniqueId val="{00000016-48F7-4E23-9B85-4D4B2F2DF635}"/>
            </c:ext>
          </c:extLst>
        </c:ser>
        <c:ser>
          <c:idx val="3"/>
          <c:order val="3"/>
          <c:tx>
            <c:strRef>
              <c:f>業種別!$A$6</c:f>
              <c:strCache>
                <c:ptCount val="1"/>
                <c:pt idx="0">
                  <c:v>小売業</c:v>
                </c:pt>
              </c:strCache>
            </c:strRef>
          </c:tx>
          <c:dLbls>
            <c:dLbl>
              <c:idx val="1"/>
              <c:layout>
                <c:manualLayout>
                  <c:x val="-1.5423421235238528E-2"/>
                  <c:y val="4.9107142857142856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1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1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A-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D-48F7-4E23-9B85-4D4B2F2DF635}"/>
                </c:ext>
              </c:extLst>
            </c:dLbl>
            <c:dLbl>
              <c:idx val="8"/>
              <c:layout>
                <c:manualLayout>
                  <c:x val="-4.2202732183765093E-2"/>
                  <c:y val="-2.9456786651668596E-2"/>
                </c:manualLayout>
              </c:layout>
              <c:tx>
                <c:rich>
                  <a:bodyPr/>
                  <a:lstStyle/>
                  <a:p>
                    <a:r>
                      <a:rPr lang="en-US" altLang="ja-JP"/>
                      <a:t>18,146</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48F7-4E23-9B85-4D4B2F2DF635}"/>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2-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6:$K$6</c:f>
              <c:numCache>
                <c:formatCode>#,##0</c:formatCode>
                <c:ptCount val="10"/>
                <c:pt idx="0">
                  <c:v>16674</c:v>
                </c:pt>
                <c:pt idx="1">
                  <c:v>16827</c:v>
                </c:pt>
                <c:pt idx="2">
                  <c:v>16950</c:v>
                </c:pt>
                <c:pt idx="3">
                  <c:v>17028</c:v>
                </c:pt>
                <c:pt idx="4">
                  <c:v>17209</c:v>
                </c:pt>
                <c:pt idx="5">
                  <c:v>17267</c:v>
                </c:pt>
                <c:pt idx="6">
                  <c:v>17617</c:v>
                </c:pt>
                <c:pt idx="7">
                  <c:v>17974</c:v>
                </c:pt>
                <c:pt idx="8">
                  <c:v>18146</c:v>
                </c:pt>
                <c:pt idx="9" formatCode="#,##0_);[Red]\(#,##0\)">
                  <c:v>18111</c:v>
                </c:pt>
              </c:numCache>
            </c:numRef>
          </c:val>
          <c:smooth val="0"/>
          <c:extLst>
            <c:ext xmlns:c16="http://schemas.microsoft.com/office/drawing/2014/chart" uri="{C3380CC4-5D6E-409C-BE32-E72D297353CC}">
              <c16:uniqueId val="{0000001F-48F7-4E23-9B85-4D4B2F2DF635}"/>
            </c:ext>
          </c:extLst>
        </c:ser>
        <c:ser>
          <c:idx val="4"/>
          <c:order val="4"/>
          <c:tx>
            <c:strRef>
              <c:f>業種別!$A$7</c:f>
              <c:strCache>
                <c:ptCount val="1"/>
                <c:pt idx="0">
                  <c:v>宿泊業、飲食サービス業</c:v>
                </c:pt>
              </c:strCache>
            </c:strRef>
          </c:tx>
          <c:dLbls>
            <c:dLbl>
              <c:idx val="0"/>
              <c:layout>
                <c:manualLayout>
                  <c:x val="-2.6824426924249568E-2"/>
                  <c:y val="-3.30432133483315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1-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2-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3-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24-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25-48F7-4E23-9B85-4D4B2F2DF635}"/>
                </c:ext>
              </c:extLst>
            </c:dLbl>
            <c:dLbl>
              <c:idx val="6"/>
              <c:layout>
                <c:manualLayout>
                  <c:x val="-0.12913965678659903"/>
                  <c:y val="-9.4360236220472446E-2"/>
                </c:manualLayout>
              </c:layout>
              <c:tx>
                <c:rich>
                  <a:bodyPr/>
                  <a:lstStyle/>
                  <a:p>
                    <a:r>
                      <a:rPr lang="ja-JP" altLang="en-US" b="1"/>
                      <a:t>宿泊業、飲食サービス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27-48F7-4E23-9B85-4D4B2F2DF635}"/>
                </c:ext>
              </c:extLst>
            </c:dLbl>
            <c:dLbl>
              <c:idx val="8"/>
              <c:layout>
                <c:manualLayout>
                  <c:x val="-3.7635236201285983E-2"/>
                  <c:y val="-2.41146419197600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7:$K$7</c:f>
              <c:numCache>
                <c:formatCode>#,##0_);[Red]\(#,##0\)</c:formatCode>
                <c:ptCount val="10"/>
                <c:pt idx="0">
                  <c:v>6329</c:v>
                </c:pt>
                <c:pt idx="1">
                  <c:v>6589</c:v>
                </c:pt>
                <c:pt idx="2">
                  <c:v>6917</c:v>
                </c:pt>
                <c:pt idx="3">
                  <c:v>7169</c:v>
                </c:pt>
                <c:pt idx="4">
                  <c:v>7590</c:v>
                </c:pt>
                <c:pt idx="5">
                  <c:v>8039</c:v>
                </c:pt>
                <c:pt idx="6">
                  <c:v>8650</c:v>
                </c:pt>
                <c:pt idx="7">
                  <c:v>9305</c:v>
                </c:pt>
                <c:pt idx="8">
                  <c:v>9669</c:v>
                </c:pt>
                <c:pt idx="9">
                  <c:v>9940</c:v>
                </c:pt>
              </c:numCache>
            </c:numRef>
          </c:val>
          <c:smooth val="0"/>
          <c:extLst>
            <c:ext xmlns:c16="http://schemas.microsoft.com/office/drawing/2014/chart" uri="{C3380CC4-5D6E-409C-BE32-E72D297353CC}">
              <c16:uniqueId val="{0000002A-48F7-4E23-9B85-4D4B2F2DF635}"/>
            </c:ext>
          </c:extLst>
        </c:ser>
        <c:ser>
          <c:idx val="5"/>
          <c:order val="5"/>
          <c:tx>
            <c:strRef>
              <c:f>業種別!$A$8</c:f>
              <c:strCache>
                <c:ptCount val="1"/>
                <c:pt idx="0">
                  <c:v>生活関連、娯楽サービス業</c:v>
                </c:pt>
              </c:strCache>
            </c:strRef>
          </c:tx>
          <c:dLbls>
            <c:dLbl>
              <c:idx val="0"/>
              <c:layout>
                <c:manualLayout>
                  <c:x val="-4.1315309453740609E-2"/>
                  <c:y val="-1.8162260967379079E-2"/>
                </c:manualLayout>
              </c:layout>
              <c:spPr/>
              <c:txPr>
                <a:bodyPr/>
                <a:lstStyle/>
                <a:p>
                  <a:pPr>
                    <a:defRPr b="1"/>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C-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D-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E-48F7-4E23-9B85-4D4B2F2DF635}"/>
                </c:ext>
              </c:extLst>
            </c:dLbl>
            <c:dLbl>
              <c:idx val="4"/>
              <c:layout>
                <c:manualLayout>
                  <c:x val="-0.1759864969870899"/>
                  <c:y val="-9.9702380952380959E-2"/>
                </c:manualLayout>
              </c:layout>
              <c:tx>
                <c:rich>
                  <a:bodyPr wrap="square" lIns="38100" tIns="19050" rIns="38100" bIns="19050" anchor="ctr">
                    <a:noAutofit/>
                  </a:bodyPr>
                  <a:lstStyle/>
                  <a:p>
                    <a:pPr>
                      <a:defRPr/>
                    </a:pPr>
                    <a:r>
                      <a:rPr lang="ja-JP" altLang="en-US" b="1"/>
                      <a:t>生活関連、娯楽サービス業</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22044133922943332"/>
                      <c:h val="7.1428571428571425E-2"/>
                    </c:manualLayout>
                  </c15:layout>
                </c:ext>
                <c:ext xmlns:c16="http://schemas.microsoft.com/office/drawing/2014/chart" uri="{C3380CC4-5D6E-409C-BE32-E72D297353CC}">
                  <c16:uniqueId val="{0000002F-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30-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1-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2-48F7-4E23-9B85-4D4B2F2DF635}"/>
                </c:ext>
              </c:extLst>
            </c:dLbl>
            <c:dLbl>
              <c:idx val="8"/>
              <c:layout>
                <c:manualLayout>
                  <c:x val="-3.9437037747458645E-2"/>
                  <c:y val="-2.41146419197600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3-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4-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8:$K$8</c:f>
              <c:numCache>
                <c:formatCode>#,##0</c:formatCode>
                <c:ptCount val="10"/>
                <c:pt idx="0">
                  <c:v>5298</c:v>
                </c:pt>
                <c:pt idx="1">
                  <c:v>5516</c:v>
                </c:pt>
                <c:pt idx="2">
                  <c:v>5705</c:v>
                </c:pt>
                <c:pt idx="3">
                  <c:v>5967</c:v>
                </c:pt>
                <c:pt idx="4">
                  <c:v>6266</c:v>
                </c:pt>
                <c:pt idx="5">
                  <c:v>6590</c:v>
                </c:pt>
                <c:pt idx="6">
                  <c:v>6999</c:v>
                </c:pt>
                <c:pt idx="7">
                  <c:v>7327</c:v>
                </c:pt>
                <c:pt idx="8">
                  <c:v>7577</c:v>
                </c:pt>
                <c:pt idx="9" formatCode="#,##0_);[Red]\(#,##0\)">
                  <c:v>7659</c:v>
                </c:pt>
              </c:numCache>
            </c:numRef>
          </c:val>
          <c:smooth val="0"/>
          <c:extLst>
            <c:ext xmlns:c16="http://schemas.microsoft.com/office/drawing/2014/chart" uri="{C3380CC4-5D6E-409C-BE32-E72D297353CC}">
              <c16:uniqueId val="{00000035-48F7-4E23-9B85-4D4B2F2DF635}"/>
            </c:ext>
          </c:extLst>
        </c:ser>
        <c:ser>
          <c:idx val="6"/>
          <c:order val="6"/>
          <c:tx>
            <c:strRef>
              <c:f>業種別!$A$9</c:f>
              <c:strCache>
                <c:ptCount val="1"/>
                <c:pt idx="0">
                  <c:v>情報通信業</c:v>
                </c:pt>
              </c:strCache>
            </c:strRef>
          </c:tx>
          <c:dLbls>
            <c:dLbl>
              <c:idx val="0"/>
              <c:layout>
                <c:manualLayout>
                  <c:x val="-3.7635236201285921E-2"/>
                  <c:y val="3.601940382452182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6-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3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3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3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3A-48F7-4E23-9B85-4D4B2F2DF635}"/>
                </c:ext>
              </c:extLst>
            </c:dLbl>
            <c:dLbl>
              <c:idx val="5"/>
              <c:layout>
                <c:manualLayout>
                  <c:x val="-6.1959557074617706E-2"/>
                  <c:y val="6.7269403824521831E-2"/>
                </c:manualLayout>
              </c:layout>
              <c:tx>
                <c:rich>
                  <a:bodyPr wrap="square" lIns="38100" tIns="19050" rIns="38100" bIns="1905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8A2B2BBF-6375-48A4-9A7A-071B677391DD}" type="SERIESNAME">
                      <a:rPr lang="ja-JP" altLang="en-US" sz="1000" b="1" i="0" u="none" strike="noStrike" kern="1200" baseline="0">
                        <a:solidFill>
                          <a:sysClr val="windowText" lastClr="000000"/>
                        </a:solidFill>
                      </a:rPr>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系列名]</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0666665153342535"/>
                      <c:h val="5.7157855268091494E-2"/>
                    </c:manualLayout>
                  </c15:layout>
                  <c15:dlblFieldTable/>
                  <c15:showDataLabelsRange val="0"/>
                </c:ext>
                <c:ext xmlns:c16="http://schemas.microsoft.com/office/drawing/2014/chart" uri="{C3380CC4-5D6E-409C-BE32-E72D297353CC}">
                  <c16:uniqueId val="{0000003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D-48F7-4E23-9B85-4D4B2F2DF635}"/>
                </c:ext>
              </c:extLst>
            </c:dLbl>
            <c:dLbl>
              <c:idx val="8"/>
              <c:layout>
                <c:manualLayout>
                  <c:x val="-3.7635236201285983E-2"/>
                  <c:y val="3.60194038245220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E-48F7-4E23-9B85-4D4B2F2DF635}"/>
                </c:ext>
              </c:extLst>
            </c:dLbl>
            <c:dLbl>
              <c:idx val="9"/>
              <c:layout>
                <c:manualLayout>
                  <c:x val="-3.5833434655113329E-2"/>
                  <c:y val="3.30432133483313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F-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9:$K$9</c:f>
              <c:numCache>
                <c:formatCode>#,##0</c:formatCode>
                <c:ptCount val="10"/>
                <c:pt idx="0">
                  <c:v>5068</c:v>
                </c:pt>
                <c:pt idx="1">
                  <c:v>5115</c:v>
                </c:pt>
                <c:pt idx="2">
                  <c:v>5136</c:v>
                </c:pt>
                <c:pt idx="3">
                  <c:v>5132</c:v>
                </c:pt>
                <c:pt idx="4">
                  <c:v>5182</c:v>
                </c:pt>
                <c:pt idx="5">
                  <c:v>5260</c:v>
                </c:pt>
                <c:pt idx="6">
                  <c:v>5349</c:v>
                </c:pt>
                <c:pt idx="7">
                  <c:v>5416</c:v>
                </c:pt>
                <c:pt idx="8">
                  <c:v>5438</c:v>
                </c:pt>
                <c:pt idx="9" formatCode="#,##0_);[Red]\(#,##0\)">
                  <c:v>5434</c:v>
                </c:pt>
              </c:numCache>
            </c:numRef>
          </c:val>
          <c:smooth val="0"/>
          <c:extLst>
            <c:ext xmlns:c16="http://schemas.microsoft.com/office/drawing/2014/chart" uri="{C3380CC4-5D6E-409C-BE32-E72D297353CC}">
              <c16:uniqueId val="{00000040-48F7-4E23-9B85-4D4B2F2DF635}"/>
            </c:ext>
          </c:extLst>
        </c:ser>
        <c:dLbls>
          <c:showLegendKey val="0"/>
          <c:showVal val="0"/>
          <c:showCatName val="0"/>
          <c:showSerName val="0"/>
          <c:showPercent val="0"/>
          <c:showBubbleSize val="0"/>
        </c:dLbls>
        <c:marker val="1"/>
        <c:smooth val="0"/>
        <c:axId val="243805184"/>
        <c:axId val="243823360"/>
      </c:lineChart>
      <c:catAx>
        <c:axId val="243805184"/>
        <c:scaling>
          <c:orientation val="minMax"/>
        </c:scaling>
        <c:delete val="0"/>
        <c:axPos val="b"/>
        <c:numFmt formatCode="General" sourceLinked="1"/>
        <c:majorTickMark val="out"/>
        <c:minorTickMark val="none"/>
        <c:tickLblPos val="nextTo"/>
        <c:crossAx val="243823360"/>
        <c:crosses val="autoZero"/>
        <c:auto val="1"/>
        <c:lblAlgn val="ctr"/>
        <c:lblOffset val="100"/>
        <c:noMultiLvlLbl val="0"/>
      </c:catAx>
      <c:valAx>
        <c:axId val="243823360"/>
        <c:scaling>
          <c:orientation val="minMax"/>
        </c:scaling>
        <c:delete val="0"/>
        <c:axPos val="l"/>
        <c:majorGridlines/>
        <c:numFmt formatCode="#,##0" sourceLinked="1"/>
        <c:majorTickMark val="out"/>
        <c:minorTickMark val="none"/>
        <c:tickLblPos val="nextTo"/>
        <c:crossAx val="243805184"/>
        <c:crosses val="autoZero"/>
        <c:crossBetween val="between"/>
      </c:valAx>
      <c:spPr>
        <a:noFill/>
        <a:ln w="25400">
          <a:noFill/>
        </a:ln>
      </c:spPr>
    </c:plotArea>
    <c:legend>
      <c:legendPos val="r"/>
      <c:layout>
        <c:manualLayout>
          <c:xMode val="edge"/>
          <c:yMode val="edge"/>
          <c:x val="0.79724071367356619"/>
          <c:y val="0.3398895991778767"/>
          <c:w val="0.20275928632643384"/>
          <c:h val="0.33066992104177301"/>
        </c:manualLayout>
      </c:layout>
      <c:overlay val="0"/>
    </c:legend>
    <c:plotVisOnly val="1"/>
    <c:dispBlanksAs val="gap"/>
    <c:showDLblsOverMax val="0"/>
  </c:chart>
  <c:externalData r:id="rId1">
    <c:autoUpdate val="0"/>
  </c:externalData>
  <c:userShapes r:id="rId2"/>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業種別活用率!$B$2</c:f>
              <c:strCache>
                <c:ptCount val="1"/>
                <c:pt idx="0">
                  <c:v>増収</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業種別活用率!$C$1:$G$1</c:f>
              <c:strCache>
                <c:ptCount val="5"/>
                <c:pt idx="0">
                  <c:v>30代以下</c:v>
                </c:pt>
                <c:pt idx="1">
                  <c:v>40代</c:v>
                </c:pt>
                <c:pt idx="2">
                  <c:v>50代</c:v>
                </c:pt>
                <c:pt idx="3">
                  <c:v>60代</c:v>
                </c:pt>
                <c:pt idx="4">
                  <c:v>70代以上</c:v>
                </c:pt>
              </c:strCache>
            </c:strRef>
          </c:cat>
          <c:val>
            <c:numRef>
              <c:f>業種別活用率!$C$2:$G$2</c:f>
              <c:numCache>
                <c:formatCode>0.00_ </c:formatCode>
                <c:ptCount val="5"/>
                <c:pt idx="0">
                  <c:v>58.67</c:v>
                </c:pt>
                <c:pt idx="1">
                  <c:v>53.49</c:v>
                </c:pt>
                <c:pt idx="2">
                  <c:v>50.24</c:v>
                </c:pt>
                <c:pt idx="3">
                  <c:v>47.6</c:v>
                </c:pt>
                <c:pt idx="4">
                  <c:v>42.55</c:v>
                </c:pt>
              </c:numCache>
            </c:numRef>
          </c:val>
          <c:extLst>
            <c:ext xmlns:c16="http://schemas.microsoft.com/office/drawing/2014/chart" uri="{C3380CC4-5D6E-409C-BE32-E72D297353CC}">
              <c16:uniqueId val="{00000000-4039-478A-8F5D-64FF2D7675BC}"/>
            </c:ext>
          </c:extLst>
        </c:ser>
        <c:ser>
          <c:idx val="1"/>
          <c:order val="1"/>
          <c:tx>
            <c:strRef>
              <c:f>業種別活用率!$B$3</c:f>
              <c:strCache>
                <c:ptCount val="1"/>
                <c:pt idx="0">
                  <c:v>減収</c:v>
                </c:pt>
              </c:strCache>
            </c:strRef>
          </c:tx>
          <c:spPr>
            <a:solidFill>
              <a:srgbClr val="F79646">
                <a:lumMod val="60000"/>
                <a:lumOff val="40000"/>
              </a:srgbClr>
            </a:solidFill>
            <a:ln>
              <a:noFill/>
            </a:ln>
            <a:effectLst/>
          </c:spPr>
          <c:invertIfNegative val="0"/>
          <c:dLbls>
            <c:dLbl>
              <c:idx val="0"/>
              <c:layout>
                <c:manualLayout>
                  <c:x val="2.2058066912218149E-2"/>
                  <c:y val="-7.983828660750534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039-478A-8F5D-64FF2D7675BC}"/>
                </c:ext>
              </c:extLst>
            </c:dLbl>
            <c:dLbl>
              <c:idx val="1"/>
              <c:layout>
                <c:manualLayout>
                  <c:x val="9.498368356073592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039-478A-8F5D-64FF2D7675BC}"/>
                </c:ext>
              </c:extLst>
            </c:dLbl>
            <c:dLbl>
              <c:idx val="2"/>
              <c:layout>
                <c:manualLayout>
                  <c:x val="7.123776267055227E-3"/>
                  <c:y val="-3.7606403174459055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039-478A-8F5D-64FF2D7675BC}"/>
                </c:ext>
              </c:extLst>
            </c:dLbl>
            <c:dLbl>
              <c:idx val="3"/>
              <c:layout>
                <c:manualLayout>
                  <c:x val="1.4247552534110367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039-478A-8F5D-64FF2D7675BC}"/>
                </c:ext>
              </c:extLst>
            </c:dLbl>
            <c:dLbl>
              <c:idx val="4"/>
              <c:layout>
                <c:manualLayout>
                  <c:x val="2.1547883112030215E-2"/>
                  <c:y val="-4.102564102564139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039-478A-8F5D-64FF2D7675B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val>
            <c:numRef>
              <c:f>業種別活用率!$C$3:$G$3</c:f>
              <c:numCache>
                <c:formatCode>0.00_ </c:formatCode>
                <c:ptCount val="5"/>
                <c:pt idx="0">
                  <c:v>34.24</c:v>
                </c:pt>
                <c:pt idx="1">
                  <c:v>38.94</c:v>
                </c:pt>
                <c:pt idx="2">
                  <c:v>41.02</c:v>
                </c:pt>
                <c:pt idx="3">
                  <c:v>42.85</c:v>
                </c:pt>
                <c:pt idx="4">
                  <c:v>42.73</c:v>
                </c:pt>
              </c:numCache>
            </c:numRef>
          </c:val>
          <c:extLst>
            <c:ext xmlns:c16="http://schemas.microsoft.com/office/drawing/2014/chart" uri="{C3380CC4-5D6E-409C-BE32-E72D297353CC}">
              <c16:uniqueId val="{00000006-4039-478A-8F5D-64FF2D7675BC}"/>
            </c:ext>
          </c:extLst>
        </c:ser>
        <c:ser>
          <c:idx val="2"/>
          <c:order val="2"/>
          <c:tx>
            <c:strRef>
              <c:f>業種別活用率!$B$4</c:f>
              <c:strCache>
                <c:ptCount val="1"/>
                <c:pt idx="0">
                  <c:v>横ばい</c:v>
                </c:pt>
              </c:strCache>
            </c:strRef>
          </c:tx>
          <c:spPr>
            <a:solidFill>
              <a:schemeClr val="accent3"/>
            </a:solidFill>
            <a:ln>
              <a:noFill/>
            </a:ln>
            <a:effectLst/>
          </c:spPr>
          <c:invertIfNegative val="0"/>
          <c:dLbls>
            <c:dLbl>
              <c:idx val="0"/>
              <c:layout>
                <c:manualLayout>
                  <c:x val="9.4983683560736359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039-478A-8F5D-64FF2D7675BC}"/>
                </c:ext>
              </c:extLst>
            </c:dLbl>
            <c:dLbl>
              <c:idx val="1"/>
              <c:layout>
                <c:manualLayout>
                  <c:x val="7.123776267055227E-3"/>
                  <c:y val="4.10256410256410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039-478A-8F5D-64FF2D7675BC}"/>
                </c:ext>
              </c:extLst>
            </c:dLbl>
            <c:dLbl>
              <c:idx val="2"/>
              <c:layout>
                <c:manualLayout>
                  <c:x val="4.7491841780367312E-3"/>
                  <c:y val="-1.5042561269783622E-1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039-478A-8F5D-64FF2D7675BC}"/>
                </c:ext>
              </c:extLst>
            </c:dLbl>
            <c:dLbl>
              <c:idx val="4"/>
              <c:layout>
                <c:manualLayout>
                  <c:x val="4.749184178036818E-3"/>
                  <c:y val="1.23076923076923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039-478A-8F5D-64FF2D7675B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val>
            <c:numRef>
              <c:f>業種別活用率!$C$4:$G$4</c:f>
              <c:numCache>
                <c:formatCode>0.00_ </c:formatCode>
                <c:ptCount val="5"/>
                <c:pt idx="0">
                  <c:v>7.09</c:v>
                </c:pt>
                <c:pt idx="1">
                  <c:v>7.57</c:v>
                </c:pt>
                <c:pt idx="2">
                  <c:v>8.74</c:v>
                </c:pt>
                <c:pt idx="3">
                  <c:v>9.5399999999999991</c:v>
                </c:pt>
                <c:pt idx="4">
                  <c:v>14.71</c:v>
                </c:pt>
              </c:numCache>
            </c:numRef>
          </c:val>
          <c:extLst>
            <c:ext xmlns:c16="http://schemas.microsoft.com/office/drawing/2014/chart" uri="{C3380CC4-5D6E-409C-BE32-E72D297353CC}">
              <c16:uniqueId val="{0000000B-4039-478A-8F5D-64FF2D7675BC}"/>
            </c:ext>
          </c:extLst>
        </c:ser>
        <c:dLbls>
          <c:showLegendKey val="0"/>
          <c:showVal val="0"/>
          <c:showCatName val="0"/>
          <c:showSerName val="0"/>
          <c:showPercent val="0"/>
          <c:showBubbleSize val="0"/>
        </c:dLbls>
        <c:gapWidth val="80"/>
        <c:axId val="1526969583"/>
        <c:axId val="1526963343"/>
      </c:barChart>
      <c:catAx>
        <c:axId val="15269695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6963343"/>
        <c:crosses val="autoZero"/>
        <c:auto val="1"/>
        <c:lblAlgn val="ctr"/>
        <c:lblOffset val="100"/>
        <c:noMultiLvlLbl val="0"/>
      </c:catAx>
      <c:valAx>
        <c:axId val="1526963343"/>
        <c:scaling>
          <c:orientation val="minMax"/>
          <c:max val="60"/>
        </c:scaling>
        <c:delete val="0"/>
        <c:axPos val="l"/>
        <c:majorGridlines>
          <c:spPr>
            <a:ln w="9525" cap="flat" cmpd="sng" algn="ctr">
              <a:solidFill>
                <a:schemeClr val="tx1">
                  <a:lumMod val="15000"/>
                  <a:lumOff val="85000"/>
                </a:schemeClr>
              </a:solidFill>
              <a:round/>
            </a:ln>
            <a:effectLst/>
          </c:spPr>
        </c:majorGridlines>
        <c:numFmt formatCode="0_ "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6969583"/>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43521704884228"/>
          <c:y val="6.9418960244648317E-2"/>
          <c:w val="0.87021998075514984"/>
          <c:h val="0.74662621300777765"/>
        </c:manualLayout>
      </c:layout>
      <c:barChart>
        <c:barDir val="col"/>
        <c:grouping val="clustered"/>
        <c:varyColors val="0"/>
        <c:ser>
          <c:idx val="0"/>
          <c:order val="0"/>
          <c:spPr>
            <a:pattFill prst="pct90">
              <a:fgClr>
                <a:schemeClr val="accent1"/>
              </a:fgClr>
              <a:bgClr>
                <a:schemeClr val="bg1"/>
              </a:bgClr>
            </a:pattFill>
          </c:spPr>
          <c:invertIfNegative val="0"/>
          <c:dLbls>
            <c:spPr>
              <a:noFill/>
              <a:ln>
                <a:noFill/>
              </a:ln>
              <a:effectLst/>
            </c:spPr>
            <c:txPr>
              <a:bodyPr/>
              <a:lstStyle/>
              <a:p>
                <a:pPr>
                  <a:defRPr sz="11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ｐ98-99＞上場・提案型融資.xlsx]上場'!$K$18:$K$23</c:f>
              <c:strCache>
                <c:ptCount val="6"/>
                <c:pt idx="0">
                  <c:v>大阪府</c:v>
                </c:pt>
                <c:pt idx="1">
                  <c:v>東京都</c:v>
                </c:pt>
                <c:pt idx="2">
                  <c:v>愛知県</c:v>
                </c:pt>
                <c:pt idx="3">
                  <c:v>京都府</c:v>
                </c:pt>
                <c:pt idx="4">
                  <c:v>福岡県</c:v>
                </c:pt>
                <c:pt idx="5">
                  <c:v>その他</c:v>
                </c:pt>
              </c:strCache>
            </c:strRef>
          </c:cat>
          <c:val>
            <c:numRef>
              <c:f>'[＜ｐ98-99＞上場・提案型融資.xlsx]上場'!$L$18:$L$23</c:f>
              <c:numCache>
                <c:formatCode>General</c:formatCode>
                <c:ptCount val="6"/>
                <c:pt idx="0">
                  <c:v>5</c:v>
                </c:pt>
                <c:pt idx="1">
                  <c:v>63</c:v>
                </c:pt>
                <c:pt idx="2">
                  <c:v>4</c:v>
                </c:pt>
                <c:pt idx="3">
                  <c:v>3</c:v>
                </c:pt>
                <c:pt idx="4">
                  <c:v>5</c:v>
                </c:pt>
                <c:pt idx="5">
                  <c:v>17</c:v>
                </c:pt>
              </c:numCache>
            </c:numRef>
          </c:val>
          <c:extLst>
            <c:ext xmlns:c16="http://schemas.microsoft.com/office/drawing/2014/chart" uri="{C3380CC4-5D6E-409C-BE32-E72D297353CC}">
              <c16:uniqueId val="{00000000-0EAC-4CAD-A809-98D9C403AB8D}"/>
            </c:ext>
          </c:extLst>
        </c:ser>
        <c:dLbls>
          <c:showLegendKey val="0"/>
          <c:showVal val="0"/>
          <c:showCatName val="0"/>
          <c:showSerName val="0"/>
          <c:showPercent val="0"/>
          <c:showBubbleSize val="0"/>
        </c:dLbls>
        <c:gapWidth val="129"/>
        <c:axId val="126383616"/>
        <c:axId val="126385152"/>
      </c:barChart>
      <c:catAx>
        <c:axId val="126383616"/>
        <c:scaling>
          <c:orientation val="minMax"/>
        </c:scaling>
        <c:delete val="0"/>
        <c:axPos val="b"/>
        <c:numFmt formatCode="General" sourceLinked="0"/>
        <c:majorTickMark val="out"/>
        <c:minorTickMark val="none"/>
        <c:tickLblPos val="nextTo"/>
        <c:crossAx val="126385152"/>
        <c:crosses val="autoZero"/>
        <c:auto val="1"/>
        <c:lblAlgn val="ctr"/>
        <c:lblOffset val="100"/>
        <c:noMultiLvlLbl val="0"/>
      </c:catAx>
      <c:valAx>
        <c:axId val="126385152"/>
        <c:scaling>
          <c:orientation val="minMax"/>
          <c:max val="80"/>
        </c:scaling>
        <c:delete val="0"/>
        <c:axPos val="l"/>
        <c:numFmt formatCode="General" sourceLinked="1"/>
        <c:majorTickMark val="out"/>
        <c:minorTickMark val="none"/>
        <c:tickLblPos val="nextTo"/>
        <c:txPr>
          <a:bodyPr/>
          <a:lstStyle/>
          <a:p>
            <a:pPr>
              <a:defRPr sz="1100"/>
            </a:pPr>
            <a:endParaRPr lang="ja-JP"/>
          </a:p>
        </c:txPr>
        <c:crossAx val="126383616"/>
        <c:crosses val="autoZero"/>
        <c:crossBetween val="between"/>
        <c:majorUnit val="20"/>
      </c:valAx>
    </c:plotArea>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7025676750191752E-2"/>
          <c:y val="0.10894339221110874"/>
          <c:w val="0.86665470435498515"/>
          <c:h val="0.77463041781939423"/>
        </c:manualLayout>
      </c:layout>
      <c:barChart>
        <c:barDir val="col"/>
        <c:grouping val="clustered"/>
        <c:varyColors val="0"/>
        <c:ser>
          <c:idx val="2"/>
          <c:order val="1"/>
          <c:tx>
            <c:strRef>
              <c:f>'[Microsoft PowerPoint 内のグラフ]提案型融資'!$B$5</c:f>
              <c:strCache>
                <c:ptCount val="1"/>
                <c:pt idx="0">
                  <c:v>融資実績</c:v>
                </c:pt>
              </c:strCache>
            </c:strRef>
          </c:tx>
          <c:invertIfNegative val="0"/>
          <c:dLbls>
            <c:dLbl>
              <c:idx val="6"/>
              <c:layout>
                <c:manualLayout>
                  <c:x val="0"/>
                  <c:y val="2.25225225225225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448-4519-817C-3F4E0F9B1B03}"/>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Microsoft PowerPoint 内のグラフ]提案型融資'!$C$2:$K$2</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Microsoft PowerPoint 内のグラフ]提案型融資'!$C$5:$K$5</c:f>
              <c:numCache>
                <c:formatCode>#,##0</c:formatCode>
                <c:ptCount val="9"/>
                <c:pt idx="0">
                  <c:v>18654</c:v>
                </c:pt>
                <c:pt idx="1">
                  <c:v>77931</c:v>
                </c:pt>
                <c:pt idx="2">
                  <c:v>83154</c:v>
                </c:pt>
                <c:pt idx="3">
                  <c:v>97305</c:v>
                </c:pt>
                <c:pt idx="4">
                  <c:v>126339</c:v>
                </c:pt>
                <c:pt idx="5">
                  <c:v>127271</c:v>
                </c:pt>
                <c:pt idx="6">
                  <c:v>133244</c:v>
                </c:pt>
                <c:pt idx="7">
                  <c:v>105192</c:v>
                </c:pt>
                <c:pt idx="8">
                  <c:v>60351</c:v>
                </c:pt>
              </c:numCache>
            </c:numRef>
          </c:val>
          <c:extLst>
            <c:ext xmlns:c16="http://schemas.microsoft.com/office/drawing/2014/chart" uri="{C3380CC4-5D6E-409C-BE32-E72D297353CC}">
              <c16:uniqueId val="{00000001-6448-4519-817C-3F4E0F9B1B03}"/>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Microsoft PowerPoint 内のグラフ]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dLbl>
              <c:idx val="8"/>
              <c:layout>
                <c:manualLayout>
                  <c:x val="-2.2145724847776875E-2"/>
                  <c:y val="6.13369658892857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448-4519-817C-3F4E0F9B1B03}"/>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Microsoft PowerPoint 内のグラフ]提案型融資'!$C$2:$K$2</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Microsoft PowerPoint 内のグラフ]提案型融資'!$C$3:$K$3</c:f>
              <c:numCache>
                <c:formatCode>General</c:formatCode>
                <c:ptCount val="9"/>
                <c:pt idx="0">
                  <c:v>17</c:v>
                </c:pt>
                <c:pt idx="1">
                  <c:v>20</c:v>
                </c:pt>
                <c:pt idx="2">
                  <c:v>18</c:v>
                </c:pt>
                <c:pt idx="3">
                  <c:v>19</c:v>
                </c:pt>
                <c:pt idx="4">
                  <c:v>19</c:v>
                </c:pt>
                <c:pt idx="5">
                  <c:v>19</c:v>
                </c:pt>
                <c:pt idx="6">
                  <c:v>19</c:v>
                </c:pt>
                <c:pt idx="7">
                  <c:v>19</c:v>
                </c:pt>
                <c:pt idx="8">
                  <c:v>18</c:v>
                </c:pt>
              </c:numCache>
            </c:numRef>
          </c:val>
          <c:smooth val="0"/>
          <c:extLst>
            <c:ext xmlns:c16="http://schemas.microsoft.com/office/drawing/2014/chart" uri="{C3380CC4-5D6E-409C-BE32-E72D297353CC}">
              <c16:uniqueId val="{00000002-6448-4519-817C-3F4E0F9B1B03}"/>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5201072386058979"/>
          <c:y val="2.7027027027027029E-2"/>
          <c:w val="0.35853440571939232"/>
          <c:h val="8.1454564801021492E-2"/>
        </c:manualLayout>
      </c:layout>
      <c:overlay val="0"/>
      <c:txPr>
        <a:bodyPr/>
        <a:lstStyle/>
        <a:p>
          <a:pPr>
            <a:defRPr sz="1000">
              <a:latin typeface="Meiryo UI" panose="020B0604030504040204" pitchFamily="50" charset="-128"/>
              <a:ea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63278783700424546"/>
          <c:h val="0.83462837629343167"/>
        </c:manualLayout>
      </c:layout>
      <c:barChart>
        <c:barDir val="col"/>
        <c:grouping val="clustered"/>
        <c:varyColors val="0"/>
        <c:ser>
          <c:idx val="4"/>
          <c:order val="4"/>
          <c:tx>
            <c:strRef>
              <c:f>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F$11:$F$20</c:f>
              <c:numCache>
                <c:formatCode>#,##0;"▲ "#,##0</c:formatCode>
                <c:ptCount val="10"/>
                <c:pt idx="0">
                  <c:v>301</c:v>
                </c:pt>
                <c:pt idx="1">
                  <c:v>221</c:v>
                </c:pt>
                <c:pt idx="2">
                  <c:v>238</c:v>
                </c:pt>
                <c:pt idx="3">
                  <c:v>211</c:v>
                </c:pt>
                <c:pt idx="4" formatCode="General">
                  <c:v>201</c:v>
                </c:pt>
                <c:pt idx="5" formatCode="General">
                  <c:v>185</c:v>
                </c:pt>
                <c:pt idx="6" formatCode="General">
                  <c:v>178</c:v>
                </c:pt>
                <c:pt idx="7" formatCode="General">
                  <c:v>151</c:v>
                </c:pt>
                <c:pt idx="8" formatCode="General">
                  <c:v>147</c:v>
                </c:pt>
                <c:pt idx="9" formatCode="General">
                  <c:v>138</c:v>
                </c:pt>
              </c:numCache>
            </c:numRef>
          </c:val>
          <c:extLst>
            <c:ext xmlns:c16="http://schemas.microsoft.com/office/drawing/2014/chart" uri="{C3380CC4-5D6E-409C-BE32-E72D297353CC}">
              <c16:uniqueId val="{00000000-64B1-4296-AFE4-24F8782EFD12}"/>
            </c:ext>
          </c:extLst>
        </c:ser>
        <c:ser>
          <c:idx val="5"/>
          <c:order val="5"/>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G$11:$G$20</c:f>
              <c:numCache>
                <c:formatCode>#,##0;"▲ "#,##0</c:formatCode>
                <c:ptCount val="10"/>
                <c:pt idx="0">
                  <c:v>191</c:v>
                </c:pt>
                <c:pt idx="1">
                  <c:v>143</c:v>
                </c:pt>
                <c:pt idx="2">
                  <c:v>144</c:v>
                </c:pt>
                <c:pt idx="3">
                  <c:v>131</c:v>
                </c:pt>
                <c:pt idx="4" formatCode="General">
                  <c:v>127</c:v>
                </c:pt>
                <c:pt idx="5" formatCode="General">
                  <c:v>109</c:v>
                </c:pt>
                <c:pt idx="6" formatCode="General">
                  <c:v>113</c:v>
                </c:pt>
                <c:pt idx="7" formatCode="General">
                  <c:v>89</c:v>
                </c:pt>
                <c:pt idx="8" formatCode="General">
                  <c:v>90</c:v>
                </c:pt>
                <c:pt idx="9" formatCode="General">
                  <c:v>79</c:v>
                </c:pt>
              </c:numCache>
            </c:numRef>
          </c:val>
          <c:extLst>
            <c:ext xmlns:c16="http://schemas.microsoft.com/office/drawing/2014/chart" uri="{C3380CC4-5D6E-409C-BE32-E72D297353CC}">
              <c16:uniqueId val="{00000001-64B1-4296-AFE4-24F8782EFD12}"/>
            </c:ext>
          </c:extLst>
        </c:ser>
        <c:ser>
          <c:idx val="6"/>
          <c:order val="6"/>
          <c:tx>
            <c:strRef>
              <c:f>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H$11:$H$20</c:f>
              <c:numCache>
                <c:formatCode>#,##0;"▲ "#,##0</c:formatCode>
                <c:ptCount val="10"/>
                <c:pt idx="0">
                  <c:v>110</c:v>
                </c:pt>
                <c:pt idx="1">
                  <c:v>78</c:v>
                </c:pt>
                <c:pt idx="2">
                  <c:v>94</c:v>
                </c:pt>
                <c:pt idx="3">
                  <c:v>80</c:v>
                </c:pt>
                <c:pt idx="4" formatCode="General">
                  <c:v>73</c:v>
                </c:pt>
                <c:pt idx="5" formatCode="General">
                  <c:v>76</c:v>
                </c:pt>
                <c:pt idx="6" formatCode="General">
                  <c:v>65</c:v>
                </c:pt>
                <c:pt idx="7" formatCode="General">
                  <c:v>62</c:v>
                </c:pt>
                <c:pt idx="8" formatCode="General">
                  <c:v>57</c:v>
                </c:pt>
                <c:pt idx="9" formatCode="General">
                  <c:v>59</c:v>
                </c:pt>
              </c:numCache>
            </c:numRef>
          </c:val>
          <c:extLst>
            <c:ext xmlns:c16="http://schemas.microsoft.com/office/drawing/2014/chart" uri="{C3380CC4-5D6E-409C-BE32-E72D297353CC}">
              <c16:uniqueId val="{00000002-64B1-4296-AFE4-24F8782EFD12}"/>
            </c:ext>
          </c:extLst>
        </c:ser>
        <c:dLbls>
          <c:showLegendKey val="0"/>
          <c:showVal val="0"/>
          <c:showCatName val="0"/>
          <c:showSerName val="0"/>
          <c:showPercent val="0"/>
          <c:showBubbleSize val="0"/>
        </c:dLbls>
        <c:gapWidth val="100"/>
        <c:overlap val="5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3-64B1-4296-AFE4-24F8782EFD12}"/>
              </c:ext>
            </c:extLst>
          </c:dPt>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B$11:$B$20</c:f>
              <c:numCache>
                <c:formatCode>#,##0.0;"▲ "#,##0.0</c:formatCode>
                <c:ptCount val="10"/>
                <c:pt idx="0">
                  <c:v>6.9</c:v>
                </c:pt>
                <c:pt idx="1">
                  <c:v>5.0999999999999996</c:v>
                </c:pt>
                <c:pt idx="2">
                  <c:v>5.4</c:v>
                </c:pt>
                <c:pt idx="3">
                  <c:v>4.8</c:v>
                </c:pt>
                <c:pt idx="4">
                  <c:v>4.5999999999999996</c:v>
                </c:pt>
                <c:pt idx="5">
                  <c:v>4.2</c:v>
                </c:pt>
                <c:pt idx="6">
                  <c:v>4</c:v>
                </c:pt>
                <c:pt idx="7">
                  <c:v>3.4</c:v>
                </c:pt>
                <c:pt idx="8">
                  <c:v>3.2</c:v>
                </c:pt>
                <c:pt idx="9">
                  <c:v>2.9</c:v>
                </c:pt>
              </c:numCache>
            </c:numRef>
          </c:val>
          <c:smooth val="0"/>
          <c:extLst>
            <c:ext xmlns:c16="http://schemas.microsoft.com/office/drawing/2014/chart" uri="{C3380CC4-5D6E-409C-BE32-E72D297353CC}">
              <c16:uniqueId val="{00000004-64B1-4296-AFE4-24F8782EFD12}"/>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5-64B1-4296-AFE4-24F8782EFD12}"/>
              </c:ext>
            </c:extLst>
          </c:dPt>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C$11:$C$20</c:f>
              <c:numCache>
                <c:formatCode>#,##0.0;"▲ "#,##0.0</c:formatCode>
                <c:ptCount val="10"/>
                <c:pt idx="0">
                  <c:v>7.5</c:v>
                </c:pt>
                <c:pt idx="1">
                  <c:v>5.7</c:v>
                </c:pt>
                <c:pt idx="2">
                  <c:v>5.7</c:v>
                </c:pt>
                <c:pt idx="3">
                  <c:v>5.2</c:v>
                </c:pt>
                <c:pt idx="4">
                  <c:v>5</c:v>
                </c:pt>
                <c:pt idx="5">
                  <c:v>4.4000000000000004</c:v>
                </c:pt>
                <c:pt idx="6">
                  <c:v>4.5</c:v>
                </c:pt>
                <c:pt idx="7">
                  <c:v>3.6</c:v>
                </c:pt>
                <c:pt idx="8">
                  <c:v>3.1</c:v>
                </c:pt>
                <c:pt idx="9">
                  <c:v>3.1</c:v>
                </c:pt>
              </c:numCache>
            </c:numRef>
          </c:val>
          <c:smooth val="0"/>
          <c:extLst>
            <c:ext xmlns:c16="http://schemas.microsoft.com/office/drawing/2014/chart" uri="{C3380CC4-5D6E-409C-BE32-E72D297353CC}">
              <c16:uniqueId val="{00000006-64B1-4296-AFE4-24F8782EFD12}"/>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7-64B1-4296-AFE4-24F8782EFD12}"/>
              </c:ext>
            </c:extLst>
          </c:dPt>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D$11:$D$20</c:f>
              <c:numCache>
                <c:formatCode>#,##0.0;"▲ "#,##0.0</c:formatCode>
                <c:ptCount val="10"/>
                <c:pt idx="0">
                  <c:v>6.1</c:v>
                </c:pt>
                <c:pt idx="1">
                  <c:v>4.3</c:v>
                </c:pt>
                <c:pt idx="2">
                  <c:v>5.0999999999999996</c:v>
                </c:pt>
                <c:pt idx="3">
                  <c:v>4.3</c:v>
                </c:pt>
                <c:pt idx="4">
                  <c:v>3.9</c:v>
                </c:pt>
                <c:pt idx="5">
                  <c:v>4</c:v>
                </c:pt>
                <c:pt idx="6">
                  <c:v>3.3</c:v>
                </c:pt>
                <c:pt idx="7">
                  <c:v>3.1</c:v>
                </c:pt>
                <c:pt idx="8">
                  <c:v>2.8</c:v>
                </c:pt>
                <c:pt idx="9">
                  <c:v>2.8</c:v>
                </c:pt>
              </c:numCache>
            </c:numRef>
          </c:val>
          <c:smooth val="0"/>
          <c:extLst>
            <c:ext xmlns:c16="http://schemas.microsoft.com/office/drawing/2014/chart" uri="{C3380CC4-5D6E-409C-BE32-E72D297353CC}">
              <c16:uniqueId val="{00000008-64B1-4296-AFE4-24F8782EFD12}"/>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11:$A$20</c:f>
              <c:strCache>
                <c:ptCount val="10"/>
                <c:pt idx="0">
                  <c:v>2010年</c:v>
                </c:pt>
                <c:pt idx="1">
                  <c:v>2011年</c:v>
                </c:pt>
                <c:pt idx="2">
                  <c:v>2012年</c:v>
                </c:pt>
                <c:pt idx="3">
                  <c:v>2013年</c:v>
                </c:pt>
                <c:pt idx="4">
                  <c:v>2014年</c:v>
                </c:pt>
                <c:pt idx="5">
                  <c:v>2015年</c:v>
                </c:pt>
                <c:pt idx="6">
                  <c:v>2016年</c:v>
                </c:pt>
                <c:pt idx="7">
                  <c:v>2017年</c:v>
                </c:pt>
                <c:pt idx="8">
                  <c:v>2018年</c:v>
                </c:pt>
                <c:pt idx="9">
                  <c:v>2019年</c:v>
                </c:pt>
              </c:strCache>
            </c:strRef>
          </c:cat>
          <c:val>
            <c:numRef>
              <c:f>完全失業率・完全失業者の推移!$E$11:$E$20</c:f>
              <c:numCache>
                <c:formatCode>#,##0.0;"▲ "#,##0.0</c:formatCode>
                <c:ptCount val="10"/>
                <c:pt idx="0">
                  <c:v>5.0999999999999996</c:v>
                </c:pt>
                <c:pt idx="1">
                  <c:v>4.5999999999999996</c:v>
                </c:pt>
                <c:pt idx="2">
                  <c:v>4.3</c:v>
                </c:pt>
                <c:pt idx="3">
                  <c:v>4</c:v>
                </c:pt>
                <c:pt idx="4">
                  <c:v>3.6</c:v>
                </c:pt>
                <c:pt idx="5">
                  <c:v>3.4</c:v>
                </c:pt>
                <c:pt idx="6">
                  <c:v>3.1</c:v>
                </c:pt>
                <c:pt idx="7">
                  <c:v>2.8</c:v>
                </c:pt>
                <c:pt idx="8">
                  <c:v>2.4</c:v>
                </c:pt>
                <c:pt idx="9">
                  <c:v>2.4</c:v>
                </c:pt>
              </c:numCache>
            </c:numRef>
          </c:val>
          <c:smooth val="0"/>
          <c:extLst>
            <c:ext xmlns:c16="http://schemas.microsoft.com/office/drawing/2014/chart" uri="{C3380CC4-5D6E-409C-BE32-E72D297353CC}">
              <c16:uniqueId val="{00000009-64B1-4296-AFE4-24F8782EFD12}"/>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t>完全失業者数・千人</a:t>
                </a:r>
              </a:p>
            </c:rich>
          </c:tx>
          <c:layout>
            <c:manualLayout>
              <c:xMode val="edge"/>
              <c:yMode val="edge"/>
              <c:x val="1.2375858027688947E-2"/>
              <c:y val="1.4313091750391685E-2"/>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t>完全失業率・％</a:t>
                </a:r>
              </a:p>
            </c:rich>
          </c:tx>
          <c:layout>
            <c:manualLayout>
              <c:xMode val="edge"/>
              <c:yMode val="edge"/>
              <c:x val="0.74794019557232572"/>
              <c:y val="9.5386272237638001E-2"/>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3938157261229653"/>
          <c:y val="0.62609823489577932"/>
          <c:w val="0.20506912442396313"/>
          <c:h val="0.31784147815166192"/>
        </c:manualLayout>
      </c:layout>
      <c:overlay val="1"/>
    </c:legend>
    <c:plotVisOnly val="1"/>
    <c:dispBlanksAs val="gap"/>
    <c:showDLblsOverMax val="0"/>
  </c:chart>
  <c:spPr>
    <a:noFill/>
    <a:ln>
      <a:noFill/>
    </a:ln>
  </c:spPr>
  <c:externalData r:id="rId1">
    <c:autoUpdate val="0"/>
  </c:externalData>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81639083185823E-2"/>
          <c:y val="0.12445224622473078"/>
          <c:w val="0.93279758938136237"/>
          <c:h val="0.6924278681589956"/>
        </c:manualLayout>
      </c:layout>
      <c:lineChart>
        <c:grouping val="standard"/>
        <c:varyColors val="0"/>
        <c:ser>
          <c:idx val="0"/>
          <c:order val="0"/>
          <c:tx>
            <c:strRef>
              <c:f>計算シート!$A$39</c:f>
              <c:strCache>
                <c:ptCount val="1"/>
                <c:pt idx="0">
                  <c:v>近畿圏</c:v>
                </c:pt>
              </c:strCache>
            </c:strRef>
          </c:tx>
          <c:dLbls>
            <c:dLbl>
              <c:idx val="1"/>
              <c:layout>
                <c:manualLayout>
                  <c:x val="-3.2760435056574375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062-41FA-B494-9B33A1DFA0D3}"/>
                </c:ext>
              </c:extLst>
            </c:dLbl>
            <c:dLbl>
              <c:idx val="3"/>
              <c:layout>
                <c:manualLayout>
                  <c:x val="-3.1068924269730205E-2"/>
                  <c:y val="6.03582000536219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062-41FA-B494-9B33A1DFA0D3}"/>
                </c:ext>
              </c:extLst>
            </c:dLbl>
            <c:dLbl>
              <c:idx val="5"/>
              <c:layout>
                <c:manualLayout>
                  <c:x val="-3.2760435056574375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062-41FA-B494-9B33A1DFA0D3}"/>
                </c:ext>
              </c:extLst>
            </c:dLbl>
            <c:dLbl>
              <c:idx val="7"/>
              <c:layout>
                <c:manualLayout>
                  <c:x val="-3.1068924269730173E-2"/>
                  <c:y val="4.73288885484321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062-41FA-B494-9B33A1DFA0D3}"/>
                </c:ext>
              </c:extLst>
            </c:dLbl>
            <c:dLbl>
              <c:idx val="9"/>
              <c:layout>
                <c:manualLayout>
                  <c:x val="-3.1068924269730173E-2"/>
                  <c:y val="6.9044407723748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062-41FA-B494-9B33A1DFA0D3}"/>
                </c:ext>
              </c:extLst>
            </c:dLbl>
            <c:dLbl>
              <c:idx val="13"/>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062-41FA-B494-9B33A1DFA0D3}"/>
                </c:ext>
              </c:extLst>
            </c:dLbl>
            <c:dLbl>
              <c:idx val="15"/>
              <c:layout>
                <c:manualLayout>
                  <c:x val="-3.1068924269730173E-2"/>
                  <c:y val="5.16719923834954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B$38:$S$38</c:f>
              <c:numCache>
                <c:formatCode>General</c:formatCode>
                <c:ptCount val="18"/>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pt idx="16">
                  <c:v>2018</c:v>
                </c:pt>
                <c:pt idx="17">
                  <c:v>2019</c:v>
                </c:pt>
              </c:numCache>
            </c:numRef>
          </c:cat>
          <c:val>
            <c:numRef>
              <c:f>計算シート!$B$39:$S$39</c:f>
              <c:numCache>
                <c:formatCode>#,##0.0;"▲ "#,##0.0</c:formatCode>
                <c:ptCount val="18"/>
                <c:pt idx="0">
                  <c:v>55.4</c:v>
                </c:pt>
                <c:pt idx="1">
                  <c:v>58.1</c:v>
                </c:pt>
                <c:pt idx="2">
                  <c:v>59</c:v>
                </c:pt>
                <c:pt idx="3">
                  <c:v>58.7</c:v>
                </c:pt>
                <c:pt idx="4">
                  <c:v>58.3</c:v>
                </c:pt>
                <c:pt idx="5">
                  <c:v>58.2</c:v>
                </c:pt>
                <c:pt idx="6">
                  <c:v>57.8</c:v>
                </c:pt>
                <c:pt idx="7">
                  <c:v>61.8</c:v>
                </c:pt>
                <c:pt idx="8">
                  <c:v>63.7</c:v>
                </c:pt>
                <c:pt idx="9">
                  <c:v>63.4</c:v>
                </c:pt>
                <c:pt idx="10">
                  <c:v>61.751995848093088</c:v>
                </c:pt>
                <c:pt idx="11">
                  <c:v>62.242146465491288</c:v>
                </c:pt>
                <c:pt idx="12">
                  <c:v>61.246694334357677</c:v>
                </c:pt>
                <c:pt idx="13">
                  <c:v>62.935680300837447</c:v>
                </c:pt>
                <c:pt idx="14" formatCode="0.0">
                  <c:v>63.6</c:v>
                </c:pt>
                <c:pt idx="15">
                  <c:v>63</c:v>
                </c:pt>
                <c:pt idx="16" formatCode="General">
                  <c:v>61.9</c:v>
                </c:pt>
                <c:pt idx="17" formatCode="General">
                  <c:v>61.4</c:v>
                </c:pt>
              </c:numCache>
            </c:numRef>
          </c:val>
          <c:smooth val="0"/>
          <c:extLst>
            <c:ext xmlns:c16="http://schemas.microsoft.com/office/drawing/2014/chart" uri="{C3380CC4-5D6E-409C-BE32-E72D297353CC}">
              <c16:uniqueId val="{00000008-D062-41FA-B494-9B33A1DFA0D3}"/>
            </c:ext>
          </c:extLst>
        </c:ser>
        <c:ser>
          <c:idx val="1"/>
          <c:order val="1"/>
          <c:tx>
            <c:strRef>
              <c:f>計算シート!$A$40</c:f>
              <c:strCache>
                <c:ptCount val="1"/>
                <c:pt idx="0">
                  <c:v>全国</c:v>
                </c:pt>
              </c:strCache>
            </c:strRef>
          </c:tx>
          <c:dLbls>
            <c:dLbl>
              <c:idx val="1"/>
              <c:layout>
                <c:manualLayout>
                  <c:x val="-3.1068924269730173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062-41FA-B494-9B33A1DFA0D3}"/>
                </c:ext>
              </c:extLst>
            </c:dLbl>
            <c:dLbl>
              <c:idx val="3"/>
              <c:layout>
                <c:manualLayout>
                  <c:x val="-3.2760435056574409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062-41FA-B494-9B33A1DFA0D3}"/>
                </c:ext>
              </c:extLst>
            </c:dLbl>
            <c:dLbl>
              <c:idx val="5"/>
              <c:layout>
                <c:manualLayout>
                  <c:x val="-3.1068924269730173E-2"/>
                  <c:y val="6.03582000536218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062-41FA-B494-9B33A1DFA0D3}"/>
                </c:ext>
              </c:extLst>
            </c:dLbl>
            <c:dLbl>
              <c:idx val="7"/>
              <c:layout>
                <c:manualLayout>
                  <c:x val="-3.1068924269730173E-2"/>
                  <c:y val="5.1671992383495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062-41FA-B494-9B33A1DFA0D3}"/>
                </c:ext>
              </c:extLst>
            </c:dLbl>
            <c:dLbl>
              <c:idx val="9"/>
              <c:layout>
                <c:manualLayout>
                  <c:x val="-3.1068924269730173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D062-41FA-B494-9B33A1DFA0D3}"/>
                </c:ext>
              </c:extLst>
            </c:dLbl>
            <c:dLbl>
              <c:idx val="13"/>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062-41FA-B494-9B33A1DFA0D3}"/>
                </c:ext>
              </c:extLst>
            </c:dLbl>
            <c:dLbl>
              <c:idx val="15"/>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B$38:$S$38</c:f>
              <c:numCache>
                <c:formatCode>General</c:formatCode>
                <c:ptCount val="18"/>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pt idx="16">
                  <c:v>2018</c:v>
                </c:pt>
                <c:pt idx="17">
                  <c:v>2019</c:v>
                </c:pt>
              </c:numCache>
            </c:numRef>
          </c:cat>
          <c:val>
            <c:numRef>
              <c:f>計算シート!$B$40:$S$40</c:f>
              <c:numCache>
                <c:formatCode>#,##0.0;"▲ "#,##0.0</c:formatCode>
                <c:ptCount val="18"/>
                <c:pt idx="0">
                  <c:v>43.2</c:v>
                </c:pt>
                <c:pt idx="1">
                  <c:v>45.5</c:v>
                </c:pt>
                <c:pt idx="2">
                  <c:v>47</c:v>
                </c:pt>
                <c:pt idx="3">
                  <c:v>46.6</c:v>
                </c:pt>
                <c:pt idx="4">
                  <c:v>45.7</c:v>
                </c:pt>
                <c:pt idx="5">
                  <c:v>45.8</c:v>
                </c:pt>
                <c:pt idx="6">
                  <c:v>45</c:v>
                </c:pt>
                <c:pt idx="7">
                  <c:v>49.5</c:v>
                </c:pt>
                <c:pt idx="8">
                  <c:v>51</c:v>
                </c:pt>
                <c:pt idx="9">
                  <c:v>50.2</c:v>
                </c:pt>
                <c:pt idx="10">
                  <c:v>49.2</c:v>
                </c:pt>
                <c:pt idx="11">
                  <c:v>48.9</c:v>
                </c:pt>
                <c:pt idx="12">
                  <c:v>49.1</c:v>
                </c:pt>
                <c:pt idx="13">
                  <c:v>51</c:v>
                </c:pt>
                <c:pt idx="14">
                  <c:v>51.7</c:v>
                </c:pt>
                <c:pt idx="15">
                  <c:v>52</c:v>
                </c:pt>
                <c:pt idx="16" formatCode="General">
                  <c:v>51.1</c:v>
                </c:pt>
                <c:pt idx="17" formatCode="General">
                  <c:v>50.6</c:v>
                </c:pt>
              </c:numCache>
            </c:numRef>
          </c:val>
          <c:smooth val="0"/>
          <c:extLst>
            <c:ext xmlns:c16="http://schemas.microsoft.com/office/drawing/2014/chart" uri="{C3380CC4-5D6E-409C-BE32-E72D297353CC}">
              <c16:uniqueId val="{00000011-D062-41FA-B494-9B33A1DFA0D3}"/>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t"/>
      <c:layout>
        <c:manualLayout>
          <c:xMode val="edge"/>
          <c:yMode val="edge"/>
          <c:x val="0.37806440155590315"/>
          <c:y val="1.0878904091752848E-2"/>
          <c:w val="0.25696690555164092"/>
          <c:h val="9.8361140211941617E-2"/>
        </c:manualLayout>
      </c:layout>
      <c:overlay val="0"/>
    </c:legend>
    <c:plotVisOnly val="1"/>
    <c:dispBlanksAs val="gap"/>
    <c:showDLblsOverMax val="0"/>
  </c:chart>
  <c:spPr>
    <a:ln>
      <a:noFill/>
    </a:ln>
  </c:spPr>
  <c:externalData r:id="rId1">
    <c:autoUpdate val="0"/>
  </c:externalData>
</c:chartSpace>
</file>

<file path=ppt/charts/chart8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27861978954798"/>
          <c:y val="2.7738725841088045E-2"/>
          <c:w val="0.85850511986867417"/>
          <c:h val="0.78877148607920322"/>
        </c:manualLayout>
      </c:layout>
      <c:lineChart>
        <c:grouping val="standard"/>
        <c:varyColors val="0"/>
        <c:ser>
          <c:idx val="0"/>
          <c:order val="0"/>
          <c:tx>
            <c:strRef>
              <c:f>Sheet1!$B$26</c:f>
              <c:strCache>
                <c:ptCount val="1"/>
                <c:pt idx="0">
                  <c:v>関西国際空港</c:v>
                </c:pt>
              </c:strCache>
            </c:strRef>
          </c:tx>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6:$K$26</c:f>
              <c:numCache>
                <c:formatCode>#,##0_);[Red]\(#,##0\)</c:formatCode>
                <c:ptCount val="9"/>
                <c:pt idx="0">
                  <c:v>70465</c:v>
                </c:pt>
                <c:pt idx="1">
                  <c:v>68515</c:v>
                </c:pt>
                <c:pt idx="2">
                  <c:v>77374</c:v>
                </c:pt>
                <c:pt idx="3">
                  <c:v>84719</c:v>
                </c:pt>
                <c:pt idx="4">
                  <c:v>92125</c:v>
                </c:pt>
                <c:pt idx="5">
                  <c:v>86343.86</c:v>
                </c:pt>
                <c:pt idx="6">
                  <c:v>95846</c:v>
                </c:pt>
                <c:pt idx="7">
                  <c:v>92138</c:v>
                </c:pt>
                <c:pt idx="8">
                  <c:v>91567</c:v>
                </c:pt>
              </c:numCache>
            </c:numRef>
          </c:val>
          <c:smooth val="0"/>
          <c:extLst>
            <c:ext xmlns:c16="http://schemas.microsoft.com/office/drawing/2014/chart" uri="{C3380CC4-5D6E-409C-BE32-E72D297353CC}">
              <c16:uniqueId val="{00000000-3AB1-4302-9DA0-C5ED5059BA47}"/>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7:$K$27</c:f>
              <c:numCache>
                <c:formatCode>#,##0_);[Red]\(#,##0\)</c:formatCode>
                <c:ptCount val="9"/>
                <c:pt idx="0">
                  <c:v>14337</c:v>
                </c:pt>
                <c:pt idx="1">
                  <c:v>14677</c:v>
                </c:pt>
                <c:pt idx="2">
                  <c:v>15922</c:v>
                </c:pt>
                <c:pt idx="3">
                  <c:v>17224</c:v>
                </c:pt>
                <c:pt idx="4">
                  <c:v>21248</c:v>
                </c:pt>
                <c:pt idx="5">
                  <c:v>17598.23</c:v>
                </c:pt>
                <c:pt idx="6">
                  <c:v>18817</c:v>
                </c:pt>
                <c:pt idx="7">
                  <c:v>21778</c:v>
                </c:pt>
                <c:pt idx="8">
                  <c:v>20511</c:v>
                </c:pt>
              </c:numCache>
            </c:numRef>
          </c:val>
          <c:smooth val="0"/>
          <c:extLst>
            <c:ext xmlns:c16="http://schemas.microsoft.com/office/drawing/2014/chart" uri="{C3380CC4-5D6E-409C-BE32-E72D297353CC}">
              <c16:uniqueId val="{00000001-3AB1-4302-9DA0-C5ED5059BA47}"/>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D$2:$L$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Sheet1!$C$28:$K$28</c:f>
              <c:numCache>
                <c:formatCode>#,##0_);[Red]\(#,##0\)</c:formatCode>
                <c:ptCount val="9"/>
                <c:pt idx="0">
                  <c:v>179019</c:v>
                </c:pt>
                <c:pt idx="1">
                  <c:v>162440</c:v>
                </c:pt>
                <c:pt idx="2">
                  <c:v>173116</c:v>
                </c:pt>
                <c:pt idx="3">
                  <c:v>156378</c:v>
                </c:pt>
                <c:pt idx="4">
                  <c:v>166802</c:v>
                </c:pt>
                <c:pt idx="5">
                  <c:v>156138</c:v>
                </c:pt>
                <c:pt idx="6">
                  <c:v>192286</c:v>
                </c:pt>
                <c:pt idx="7">
                  <c:v>251628</c:v>
                </c:pt>
                <c:pt idx="8">
                  <c:v>234816</c:v>
                </c:pt>
              </c:numCache>
            </c:numRef>
          </c:val>
          <c:smooth val="0"/>
          <c:extLst>
            <c:ext xmlns:c16="http://schemas.microsoft.com/office/drawing/2014/chart" uri="{C3380CC4-5D6E-409C-BE32-E72D297353CC}">
              <c16:uniqueId val="{00000002-3AB1-4302-9DA0-C5ED5059BA47}"/>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1">
    <c:autoUpdate val="0"/>
  </c:externalData>
</c:chartSpace>
</file>

<file path=ppt/charts/chart8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計算表!$H$4</c:f>
              <c:strCache>
                <c:ptCount val="1"/>
                <c:pt idx="0">
                  <c:v>関空</c:v>
                </c:pt>
              </c:strCache>
            </c:strRef>
          </c:tx>
          <c:marker>
            <c:symbol val="square"/>
            <c:size val="7"/>
          </c:marker>
          <c:dLbls>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H$5:$H$13</c:f>
              <c:numCache>
                <c:formatCode>#,##0.0;[Red]\-#,##0.0</c:formatCode>
                <c:ptCount val="9"/>
                <c:pt idx="0">
                  <c:v>67.537800000000004</c:v>
                </c:pt>
                <c:pt idx="1">
                  <c:v>65.900700000000001</c:v>
                </c:pt>
                <c:pt idx="2">
                  <c:v>64.6755</c:v>
                </c:pt>
                <c:pt idx="3">
                  <c:v>71.945099999999996</c:v>
                </c:pt>
                <c:pt idx="4">
                  <c:v>67.7179</c:v>
                </c:pt>
                <c:pt idx="5">
                  <c:v>73.523799999999994</c:v>
                </c:pt>
                <c:pt idx="6" formatCode="0.0_);[Red]\(0.0\)">
                  <c:v>83.2</c:v>
                </c:pt>
                <c:pt idx="7" formatCode="General">
                  <c:v>79.7</c:v>
                </c:pt>
                <c:pt idx="8" formatCode="General">
                  <c:v>74.2</c:v>
                </c:pt>
              </c:numCache>
            </c:numRef>
          </c:val>
          <c:smooth val="0"/>
          <c:extLst>
            <c:ext xmlns:c16="http://schemas.microsoft.com/office/drawing/2014/chart" uri="{C3380CC4-5D6E-409C-BE32-E72D297353CC}">
              <c16:uniqueId val="{00000000-1BB2-4D58-B3F6-F5E0EA19E897}"/>
            </c:ext>
          </c:extLst>
        </c:ser>
        <c:ser>
          <c:idx val="1"/>
          <c:order val="1"/>
          <c:tx>
            <c:strRef>
              <c:f>計算表!$I$4</c:f>
              <c:strCache>
                <c:ptCount val="1"/>
                <c:pt idx="0">
                  <c:v>成田</c:v>
                </c:pt>
              </c:strCache>
            </c:strRef>
          </c:tx>
          <c:marker>
            <c:symbol val="diamond"/>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I$5:$I$13</c:f>
              <c:numCache>
                <c:formatCode>#,##0.0;[Red]\-#,##0.0</c:formatCode>
                <c:ptCount val="9"/>
                <c:pt idx="0">
                  <c:v>192.93960000000001</c:v>
                </c:pt>
                <c:pt idx="1">
                  <c:v>192.10810000000001</c:v>
                </c:pt>
                <c:pt idx="2">
                  <c:v>198.56370000000001</c:v>
                </c:pt>
                <c:pt idx="3">
                  <c:v>207.626</c:v>
                </c:pt>
                <c:pt idx="4">
                  <c:v>198.13900000000001</c:v>
                </c:pt>
                <c:pt idx="5">
                  <c:v>214.00749999999999</c:v>
                </c:pt>
                <c:pt idx="6" formatCode="0.0_);[Red]\(0.0\)">
                  <c:v>228.2</c:v>
                </c:pt>
                <c:pt idx="7" formatCode="General">
                  <c:v>212.9</c:v>
                </c:pt>
                <c:pt idx="8" formatCode="General">
                  <c:v>204.5</c:v>
                </c:pt>
              </c:numCache>
            </c:numRef>
          </c:val>
          <c:smooth val="0"/>
          <c:extLst>
            <c:ext xmlns:c16="http://schemas.microsoft.com/office/drawing/2014/chart" uri="{C3380CC4-5D6E-409C-BE32-E72D297353CC}">
              <c16:uniqueId val="{00000001-1BB2-4D58-B3F6-F5E0EA19E897}"/>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1年度</c:v>
                </c:pt>
                <c:pt idx="1">
                  <c:v>2012年度</c:v>
                </c:pt>
                <c:pt idx="2">
                  <c:v>2013年度</c:v>
                </c:pt>
                <c:pt idx="3">
                  <c:v>2014年度</c:v>
                </c:pt>
                <c:pt idx="4">
                  <c:v>2015年度</c:v>
                </c:pt>
                <c:pt idx="5">
                  <c:v>2016年度</c:v>
                </c:pt>
                <c:pt idx="6">
                  <c:v>2017年度</c:v>
                </c:pt>
                <c:pt idx="7">
                  <c:v>2018年度</c:v>
                </c:pt>
                <c:pt idx="8">
                  <c:v>2019年度</c:v>
                </c:pt>
              </c:strCache>
            </c:strRef>
          </c:cat>
          <c:val>
            <c:numRef>
              <c:f>計算表!$J$5:$J$13</c:f>
              <c:numCache>
                <c:formatCode>#,##0.0;[Red]\-#,##0.0</c:formatCode>
                <c:ptCount val="9"/>
                <c:pt idx="0">
                  <c:v>11.600099999999999</c:v>
                </c:pt>
                <c:pt idx="1">
                  <c:v>10.809200000000001</c:v>
                </c:pt>
                <c:pt idx="2">
                  <c:v>14.692299999999999</c:v>
                </c:pt>
                <c:pt idx="3">
                  <c:v>17.6142</c:v>
                </c:pt>
                <c:pt idx="4">
                  <c:v>16.115200000000002</c:v>
                </c:pt>
                <c:pt idx="5">
                  <c:v>16.561499999999999</c:v>
                </c:pt>
                <c:pt idx="6" formatCode="0.0_);[Red]\(0.0\)">
                  <c:v>18</c:v>
                </c:pt>
                <c:pt idx="7" formatCode="General">
                  <c:v>19.5</c:v>
                </c:pt>
                <c:pt idx="8" formatCode="General">
                  <c:v>17.2</c:v>
                </c:pt>
              </c:numCache>
            </c:numRef>
          </c:val>
          <c:smooth val="0"/>
          <c:extLst>
            <c:ext xmlns:c16="http://schemas.microsoft.com/office/drawing/2014/chart" uri="{C3380CC4-5D6E-409C-BE32-E72D297353CC}">
              <c16:uniqueId val="{00000002-1BB2-4D58-B3F6-F5E0EA19E897}"/>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1">
    <c:autoUpdate val="0"/>
  </c:externalData>
</c:chartSpace>
</file>

<file path=ppt/charts/chart8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輸出まとめ!$X$42</c:f>
              <c:strCache>
                <c:ptCount val="1"/>
                <c:pt idx="0">
                  <c:v>　食料品</c:v>
                </c:pt>
              </c:strCache>
            </c:strRef>
          </c:tx>
          <c:spPr>
            <a:solidFill>
              <a:schemeClr val="accent1"/>
            </a:solidFill>
            <a:ln>
              <a:noFill/>
            </a:ln>
            <a:effectLst/>
          </c:spPr>
          <c:invertIfNegative val="0"/>
          <c:cat>
            <c:strRef>
              <c:f>輸出まとめ!$Y$41:$AA$41</c:f>
              <c:strCache>
                <c:ptCount val="3"/>
                <c:pt idx="0">
                  <c:v>関西空港</c:v>
                </c:pt>
                <c:pt idx="1">
                  <c:v>成田空港</c:v>
                </c:pt>
                <c:pt idx="2">
                  <c:v>中部空港</c:v>
                </c:pt>
              </c:strCache>
            </c:strRef>
          </c:cat>
          <c:val>
            <c:numRef>
              <c:f>輸出まとめ!$Y$42:$AA$42</c:f>
              <c:numCache>
                <c:formatCode>0.00%</c:formatCode>
                <c:ptCount val="3"/>
                <c:pt idx="0">
                  <c:v>5.0620797826031634E-3</c:v>
                </c:pt>
                <c:pt idx="1">
                  <c:v>3.6689212482125017E-3</c:v>
                </c:pt>
                <c:pt idx="2">
                  <c:v>2.6978720879646343E-3</c:v>
                </c:pt>
              </c:numCache>
            </c:numRef>
          </c:val>
          <c:extLst>
            <c:ext xmlns:c16="http://schemas.microsoft.com/office/drawing/2014/chart" uri="{C3380CC4-5D6E-409C-BE32-E72D297353CC}">
              <c16:uniqueId val="{00000000-BDFF-4B37-BC93-8E3587A1247D}"/>
            </c:ext>
          </c:extLst>
        </c:ser>
        <c:ser>
          <c:idx val="1"/>
          <c:order val="1"/>
          <c:tx>
            <c:strRef>
              <c:f>輸出まとめ!$X$43</c:f>
              <c:strCache>
                <c:ptCount val="1"/>
                <c:pt idx="0">
                  <c:v>　原料品</c:v>
                </c:pt>
              </c:strCache>
            </c:strRef>
          </c:tx>
          <c:spPr>
            <a:solidFill>
              <a:schemeClr val="accent2"/>
            </a:solidFill>
            <a:ln>
              <a:noFill/>
            </a:ln>
            <a:effectLst/>
          </c:spPr>
          <c:invertIfNegative val="0"/>
          <c:cat>
            <c:strRef>
              <c:f>輸出まとめ!$Y$41:$AA$41</c:f>
              <c:strCache>
                <c:ptCount val="3"/>
                <c:pt idx="0">
                  <c:v>関西空港</c:v>
                </c:pt>
                <c:pt idx="1">
                  <c:v>成田空港</c:v>
                </c:pt>
                <c:pt idx="2">
                  <c:v>中部空港</c:v>
                </c:pt>
              </c:strCache>
            </c:strRef>
          </c:cat>
          <c:val>
            <c:numRef>
              <c:f>輸出まとめ!$Y$43:$AA$43</c:f>
              <c:numCache>
                <c:formatCode>0.00%</c:formatCode>
                <c:ptCount val="3"/>
                <c:pt idx="0">
                  <c:v>1.7946111926366384E-3</c:v>
                </c:pt>
                <c:pt idx="1">
                  <c:v>5.9999999999999995E-4</c:v>
                </c:pt>
                <c:pt idx="2">
                  <c:v>9.6840964831966189E-4</c:v>
                </c:pt>
              </c:numCache>
            </c:numRef>
          </c:val>
          <c:extLst>
            <c:ext xmlns:c16="http://schemas.microsoft.com/office/drawing/2014/chart" uri="{C3380CC4-5D6E-409C-BE32-E72D297353CC}">
              <c16:uniqueId val="{00000001-BDFF-4B37-BC93-8E3587A1247D}"/>
            </c:ext>
          </c:extLst>
        </c:ser>
        <c:ser>
          <c:idx val="2"/>
          <c:order val="2"/>
          <c:tx>
            <c:strRef>
              <c:f>輸出まとめ!$X$44</c:f>
              <c:strCache>
                <c:ptCount val="1"/>
                <c:pt idx="0">
                  <c:v>　鉱物性燃料</c:v>
                </c:pt>
              </c:strCache>
            </c:strRef>
          </c:tx>
          <c:spPr>
            <a:solidFill>
              <a:schemeClr val="accent3"/>
            </a:solidFill>
            <a:ln>
              <a:noFill/>
            </a:ln>
            <a:effectLst/>
          </c:spPr>
          <c:invertIfNegative val="0"/>
          <c:cat>
            <c:strRef>
              <c:f>輸出まとめ!$Y$41:$AA$41</c:f>
              <c:strCache>
                <c:ptCount val="3"/>
                <c:pt idx="0">
                  <c:v>関西空港</c:v>
                </c:pt>
                <c:pt idx="1">
                  <c:v>成田空港</c:v>
                </c:pt>
                <c:pt idx="2">
                  <c:v>中部空港</c:v>
                </c:pt>
              </c:strCache>
            </c:strRef>
          </c:cat>
          <c:val>
            <c:numRef>
              <c:f>輸出まとめ!$Y$44:$AA$44</c:f>
              <c:numCache>
                <c:formatCode>0.00%</c:formatCode>
                <c:ptCount val="3"/>
                <c:pt idx="0">
                  <c:v>7.4028434630193262E-5</c:v>
                </c:pt>
                <c:pt idx="1">
                  <c:v>6.5753047580125297E-5</c:v>
                </c:pt>
                <c:pt idx="2">
                  <c:v>5.1082035395580319E-4</c:v>
                </c:pt>
              </c:numCache>
            </c:numRef>
          </c:val>
          <c:extLst>
            <c:ext xmlns:c16="http://schemas.microsoft.com/office/drawing/2014/chart" uri="{C3380CC4-5D6E-409C-BE32-E72D297353CC}">
              <c16:uniqueId val="{00000002-BDFF-4B37-BC93-8E3587A1247D}"/>
            </c:ext>
          </c:extLst>
        </c:ser>
        <c:ser>
          <c:idx val="3"/>
          <c:order val="3"/>
          <c:tx>
            <c:strRef>
              <c:f>輸出まとめ!$X$45</c:f>
              <c:strCache>
                <c:ptCount val="1"/>
                <c:pt idx="0">
                  <c:v>　化学製品</c:v>
                </c:pt>
              </c:strCache>
            </c:strRef>
          </c:tx>
          <c:spPr>
            <a:solidFill>
              <a:schemeClr val="accent4"/>
            </a:solidFill>
            <a:ln>
              <a:noFill/>
            </a:ln>
            <a:effectLst/>
          </c:spPr>
          <c:invertIfNegative val="0"/>
          <c:cat>
            <c:strRef>
              <c:f>輸出まとめ!$Y$41:$AA$41</c:f>
              <c:strCache>
                <c:ptCount val="3"/>
                <c:pt idx="0">
                  <c:v>関西空港</c:v>
                </c:pt>
                <c:pt idx="1">
                  <c:v>成田空港</c:v>
                </c:pt>
                <c:pt idx="2">
                  <c:v>中部空港</c:v>
                </c:pt>
              </c:strCache>
            </c:strRef>
          </c:cat>
          <c:val>
            <c:numRef>
              <c:f>輸出まとめ!$Y$45:$AA$45</c:f>
              <c:numCache>
                <c:formatCode>0.00%</c:formatCode>
                <c:ptCount val="3"/>
                <c:pt idx="0">
                  <c:v>8.3421756185808285E-2</c:v>
                </c:pt>
                <c:pt idx="1">
                  <c:v>0.12216670088050192</c:v>
                </c:pt>
                <c:pt idx="2">
                  <c:v>6.1827536385165492E-2</c:v>
                </c:pt>
              </c:numCache>
            </c:numRef>
          </c:val>
          <c:extLst>
            <c:ext xmlns:c16="http://schemas.microsoft.com/office/drawing/2014/chart" uri="{C3380CC4-5D6E-409C-BE32-E72D297353CC}">
              <c16:uniqueId val="{00000003-BDFF-4B37-BC93-8E3587A1247D}"/>
            </c:ext>
          </c:extLst>
        </c:ser>
        <c:ser>
          <c:idx val="4"/>
          <c:order val="4"/>
          <c:tx>
            <c:strRef>
              <c:f>輸出まとめ!$X$46</c:f>
              <c:strCache>
                <c:ptCount val="1"/>
                <c:pt idx="0">
                  <c:v>　原料別製品</c:v>
                </c:pt>
              </c:strCache>
            </c:strRef>
          </c:tx>
          <c:spPr>
            <a:pattFill prst="pct60">
              <a:fgClr>
                <a:schemeClr val="bg1"/>
              </a:fgClr>
              <a:bgClr>
                <a:schemeClr val="accent5"/>
              </a:bgClr>
            </a:pattFill>
            <a:ln>
              <a:noFill/>
            </a:ln>
            <a:effectLst/>
          </c:spPr>
          <c:invertIfNegative val="0"/>
          <c:cat>
            <c:strRef>
              <c:f>輸出まとめ!$Y$41:$AA$41</c:f>
              <c:strCache>
                <c:ptCount val="3"/>
                <c:pt idx="0">
                  <c:v>関西空港</c:v>
                </c:pt>
                <c:pt idx="1">
                  <c:v>成田空港</c:v>
                </c:pt>
                <c:pt idx="2">
                  <c:v>中部空港</c:v>
                </c:pt>
              </c:strCache>
            </c:strRef>
          </c:cat>
          <c:val>
            <c:numRef>
              <c:f>輸出まとめ!$Y$46:$AA$46</c:f>
              <c:numCache>
                <c:formatCode>0.00%</c:formatCode>
                <c:ptCount val="3"/>
                <c:pt idx="0">
                  <c:v>5.8990637716407862E-2</c:v>
                </c:pt>
                <c:pt idx="1">
                  <c:v>6.2702765232487911E-2</c:v>
                </c:pt>
                <c:pt idx="2">
                  <c:v>7.6214452687403997E-2</c:v>
                </c:pt>
              </c:numCache>
            </c:numRef>
          </c:val>
          <c:extLst>
            <c:ext xmlns:c16="http://schemas.microsoft.com/office/drawing/2014/chart" uri="{C3380CC4-5D6E-409C-BE32-E72D297353CC}">
              <c16:uniqueId val="{00000004-BDFF-4B37-BC93-8E3587A1247D}"/>
            </c:ext>
          </c:extLst>
        </c:ser>
        <c:ser>
          <c:idx val="5"/>
          <c:order val="5"/>
          <c:tx>
            <c:strRef>
              <c:f>輸出まとめ!$X$47</c:f>
              <c:strCache>
                <c:ptCount val="1"/>
                <c:pt idx="0">
                  <c:v>　一般機械</c:v>
                </c:pt>
              </c:strCache>
            </c:strRef>
          </c:tx>
          <c:spPr>
            <a:pattFill prst="pct5">
              <a:fgClr>
                <a:schemeClr val="bg1"/>
              </a:fgClr>
              <a:bgClr>
                <a:schemeClr val="accent6"/>
              </a:bgClr>
            </a:pattFill>
            <a:ln>
              <a:noFill/>
            </a:ln>
            <a:effectLst/>
          </c:spPr>
          <c:invertIfNegative val="0"/>
          <c:cat>
            <c:strRef>
              <c:f>輸出まとめ!$Y$41:$AA$41</c:f>
              <c:strCache>
                <c:ptCount val="3"/>
                <c:pt idx="0">
                  <c:v>関西空港</c:v>
                </c:pt>
                <c:pt idx="1">
                  <c:v>成田空港</c:v>
                </c:pt>
                <c:pt idx="2">
                  <c:v>中部空港</c:v>
                </c:pt>
              </c:strCache>
            </c:strRef>
          </c:cat>
          <c:val>
            <c:numRef>
              <c:f>輸出まとめ!$Y$47:$AA$47</c:f>
              <c:numCache>
                <c:formatCode>0.00%</c:formatCode>
                <c:ptCount val="3"/>
                <c:pt idx="0">
                  <c:v>0.17786121827669515</c:v>
                </c:pt>
                <c:pt idx="1">
                  <c:v>0.13611243298877898</c:v>
                </c:pt>
                <c:pt idx="2">
                  <c:v>0.24028925159189748</c:v>
                </c:pt>
              </c:numCache>
            </c:numRef>
          </c:val>
          <c:extLst>
            <c:ext xmlns:c16="http://schemas.microsoft.com/office/drawing/2014/chart" uri="{C3380CC4-5D6E-409C-BE32-E72D297353CC}">
              <c16:uniqueId val="{00000005-BDFF-4B37-BC93-8E3587A1247D}"/>
            </c:ext>
          </c:extLst>
        </c:ser>
        <c:ser>
          <c:idx val="6"/>
          <c:order val="6"/>
          <c:tx>
            <c:strRef>
              <c:f>輸出まとめ!$X$48</c:f>
              <c:strCache>
                <c:ptCount val="1"/>
                <c:pt idx="0">
                  <c:v>　電気機器</c:v>
                </c:pt>
              </c:strCache>
            </c:strRef>
          </c:tx>
          <c:spPr>
            <a:pattFill prst="pct30">
              <a:fgClr>
                <a:schemeClr val="bg1"/>
              </a:fgClr>
              <a:bgClr>
                <a:schemeClr val="tx2"/>
              </a:bgClr>
            </a:pattFill>
            <a:ln>
              <a:noFill/>
            </a:ln>
            <a:effectLst/>
          </c:spPr>
          <c:invertIfNegative val="0"/>
          <c:cat>
            <c:strRef>
              <c:f>輸出まとめ!$Y$41:$AA$41</c:f>
              <c:strCache>
                <c:ptCount val="3"/>
                <c:pt idx="0">
                  <c:v>関西空港</c:v>
                </c:pt>
                <c:pt idx="1">
                  <c:v>成田空港</c:v>
                </c:pt>
                <c:pt idx="2">
                  <c:v>中部空港</c:v>
                </c:pt>
              </c:strCache>
            </c:strRef>
          </c:cat>
          <c:val>
            <c:numRef>
              <c:f>輸出まとめ!$Y$48:$AA$48</c:f>
              <c:numCache>
                <c:formatCode>0.00%</c:formatCode>
                <c:ptCount val="3"/>
                <c:pt idx="0">
                  <c:v>0.44440985071703482</c:v>
                </c:pt>
                <c:pt idx="1">
                  <c:v>0.19580367025947173</c:v>
                </c:pt>
                <c:pt idx="2">
                  <c:v>0.32846464993712488</c:v>
                </c:pt>
              </c:numCache>
            </c:numRef>
          </c:val>
          <c:extLst>
            <c:ext xmlns:c16="http://schemas.microsoft.com/office/drawing/2014/chart" uri="{C3380CC4-5D6E-409C-BE32-E72D297353CC}">
              <c16:uniqueId val="{00000006-BDFF-4B37-BC93-8E3587A1247D}"/>
            </c:ext>
          </c:extLst>
        </c:ser>
        <c:ser>
          <c:idx val="7"/>
          <c:order val="7"/>
          <c:tx>
            <c:strRef>
              <c:f>輸出まとめ!$X$49</c:f>
              <c:strCache>
                <c:ptCount val="1"/>
                <c:pt idx="0">
                  <c:v>　輸送用機器</c:v>
                </c:pt>
              </c:strCache>
            </c:strRef>
          </c:tx>
          <c:spPr>
            <a:pattFill prst="solidDmnd">
              <a:fgClr>
                <a:schemeClr val="bg1"/>
              </a:fgClr>
              <a:bgClr>
                <a:schemeClr val="accent2"/>
              </a:bgClr>
            </a:pattFill>
            <a:ln>
              <a:noFill/>
            </a:ln>
            <a:effectLst/>
          </c:spPr>
          <c:invertIfNegative val="0"/>
          <c:cat>
            <c:strRef>
              <c:f>輸出まとめ!$Y$41:$AA$41</c:f>
              <c:strCache>
                <c:ptCount val="3"/>
                <c:pt idx="0">
                  <c:v>関西空港</c:v>
                </c:pt>
                <c:pt idx="1">
                  <c:v>成田空港</c:v>
                </c:pt>
                <c:pt idx="2">
                  <c:v>中部空港</c:v>
                </c:pt>
              </c:strCache>
            </c:strRef>
          </c:cat>
          <c:val>
            <c:numRef>
              <c:f>輸出まとめ!$Y$49:$AA$49</c:f>
              <c:numCache>
                <c:formatCode>0.00%</c:formatCode>
                <c:ptCount val="3"/>
                <c:pt idx="0">
                  <c:v>6.2669696691622992E-3</c:v>
                </c:pt>
                <c:pt idx="1">
                  <c:v>5.4769751010668158E-3</c:v>
                </c:pt>
                <c:pt idx="2">
                  <c:v>6.6793445749378497E-2</c:v>
                </c:pt>
              </c:numCache>
            </c:numRef>
          </c:val>
          <c:extLst>
            <c:ext xmlns:c16="http://schemas.microsoft.com/office/drawing/2014/chart" uri="{C3380CC4-5D6E-409C-BE32-E72D297353CC}">
              <c16:uniqueId val="{00000007-BDFF-4B37-BC93-8E3587A1247D}"/>
            </c:ext>
          </c:extLst>
        </c:ser>
        <c:ser>
          <c:idx val="8"/>
          <c:order val="8"/>
          <c:tx>
            <c:strRef>
              <c:f>輸出まとめ!$X$50</c:f>
              <c:strCache>
                <c:ptCount val="1"/>
                <c:pt idx="0">
                  <c:v>　その他</c:v>
                </c:pt>
              </c:strCache>
            </c:strRef>
          </c:tx>
          <c:spPr>
            <a:pattFill prst="wdUpDiag">
              <a:fgClr>
                <a:schemeClr val="bg1"/>
              </a:fgClr>
              <a:bgClr>
                <a:schemeClr val="accent3"/>
              </a:bgClr>
            </a:pattFill>
            <a:ln>
              <a:noFill/>
            </a:ln>
            <a:effectLst/>
          </c:spPr>
          <c:invertIfNegative val="0"/>
          <c:cat>
            <c:strRef>
              <c:f>輸出まとめ!$Y$41:$AA$41</c:f>
              <c:strCache>
                <c:ptCount val="3"/>
                <c:pt idx="0">
                  <c:v>関西空港</c:v>
                </c:pt>
                <c:pt idx="1">
                  <c:v>成田空港</c:v>
                </c:pt>
                <c:pt idx="2">
                  <c:v>中部空港</c:v>
                </c:pt>
              </c:strCache>
            </c:strRef>
          </c:cat>
          <c:val>
            <c:numRef>
              <c:f>輸出まとめ!$Y$50:$AA$50</c:f>
              <c:numCache>
                <c:formatCode>0.00%</c:formatCode>
                <c:ptCount val="3"/>
                <c:pt idx="0">
                  <c:v>0.22211865524263977</c:v>
                </c:pt>
                <c:pt idx="1">
                  <c:v>0.40317554630682867</c:v>
                </c:pt>
                <c:pt idx="2">
                  <c:v>0.22223356155878954</c:v>
                </c:pt>
              </c:numCache>
            </c:numRef>
          </c:val>
          <c:extLst>
            <c:ext xmlns:c16="http://schemas.microsoft.com/office/drawing/2014/chart" uri="{C3380CC4-5D6E-409C-BE32-E72D297353CC}">
              <c16:uniqueId val="{00000008-BDFF-4B37-BC93-8E3587A1247D}"/>
            </c:ext>
          </c:extLst>
        </c:ser>
        <c:dLbls>
          <c:showLegendKey val="0"/>
          <c:showVal val="0"/>
          <c:showCatName val="0"/>
          <c:showSerName val="0"/>
          <c:showPercent val="0"/>
          <c:showBubbleSize val="0"/>
        </c:dLbls>
        <c:gapWidth val="95"/>
        <c:overlap val="100"/>
        <c:axId val="1112067791"/>
        <c:axId val="1112049071"/>
      </c:barChart>
      <c:catAx>
        <c:axId val="111206779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49071"/>
        <c:crosses val="autoZero"/>
        <c:auto val="1"/>
        <c:lblAlgn val="ctr"/>
        <c:lblOffset val="100"/>
        <c:noMultiLvlLbl val="0"/>
      </c:catAx>
      <c:valAx>
        <c:axId val="1112049071"/>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6779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8252191507862867"/>
          <c:y val="8.5495636580962417E-2"/>
          <c:w val="0.6907713959097409"/>
          <c:h val="0.54801506259083432"/>
        </c:manualLayout>
      </c:layout>
      <c:lineChart>
        <c:grouping val="standard"/>
        <c:varyColors val="0"/>
        <c:ser>
          <c:idx val="4"/>
          <c:order val="0"/>
          <c:tx>
            <c:strRef>
              <c:f>品目別輸出額推計!$J$12</c:f>
              <c:strCache>
                <c:ptCount val="1"/>
                <c:pt idx="0">
                  <c:v>半導体等電子部品</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2:$P$12</c:f>
              <c:numCache>
                <c:formatCode>#,##0_);[Red]\(#,##0\)</c:formatCode>
                <c:ptCount val="6"/>
                <c:pt idx="0">
                  <c:v>1138945</c:v>
                </c:pt>
                <c:pt idx="1">
                  <c:v>1216909</c:v>
                </c:pt>
                <c:pt idx="2">
                  <c:v>1263191</c:v>
                </c:pt>
                <c:pt idx="3">
                  <c:v>1294041</c:v>
                </c:pt>
                <c:pt idx="4">
                  <c:v>1172743</c:v>
                </c:pt>
                <c:pt idx="5">
                  <c:v>1359138</c:v>
                </c:pt>
              </c:numCache>
            </c:numRef>
          </c:val>
          <c:smooth val="0"/>
          <c:extLst>
            <c:ext xmlns:c16="http://schemas.microsoft.com/office/drawing/2014/chart" uri="{C3380CC4-5D6E-409C-BE32-E72D297353CC}">
              <c16:uniqueId val="{00000000-06C9-4A99-A2B8-FD51D5C25E18}"/>
            </c:ext>
          </c:extLst>
        </c:ser>
        <c:ser>
          <c:idx val="3"/>
          <c:order val="1"/>
          <c:tx>
            <c:strRef>
              <c:f>品目別輸出額推計!$J$14</c:f>
              <c:strCache>
                <c:ptCount val="1"/>
                <c:pt idx="0">
                  <c:v>科学光学機器</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4:$P$14</c:f>
              <c:numCache>
                <c:formatCode>#,##0_);[Red]\(#,##0\)</c:formatCode>
                <c:ptCount val="6"/>
                <c:pt idx="0">
                  <c:v>409264</c:v>
                </c:pt>
                <c:pt idx="1">
                  <c:v>402096</c:v>
                </c:pt>
                <c:pt idx="2">
                  <c:v>360536</c:v>
                </c:pt>
                <c:pt idx="3">
                  <c:v>430375</c:v>
                </c:pt>
                <c:pt idx="4">
                  <c:v>409306</c:v>
                </c:pt>
                <c:pt idx="5">
                  <c:v>331909</c:v>
                </c:pt>
              </c:numCache>
            </c:numRef>
          </c:val>
          <c:smooth val="0"/>
          <c:extLst>
            <c:ext xmlns:c16="http://schemas.microsoft.com/office/drawing/2014/chart" uri="{C3380CC4-5D6E-409C-BE32-E72D297353CC}">
              <c16:uniqueId val="{00000001-06C9-4A99-A2B8-FD51D5C25E18}"/>
            </c:ext>
          </c:extLst>
        </c:ser>
        <c:ser>
          <c:idx val="2"/>
          <c:order val="2"/>
          <c:tx>
            <c:strRef>
              <c:f>品目別輸出額推計!$J$13</c:f>
              <c:strCache>
                <c:ptCount val="1"/>
                <c:pt idx="0">
                  <c:v>電気回路等の機器</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3:$P$13</c:f>
              <c:numCache>
                <c:formatCode>#,##0_);[Red]\(#,##0\)</c:formatCode>
                <c:ptCount val="6"/>
                <c:pt idx="0">
                  <c:v>286966</c:v>
                </c:pt>
                <c:pt idx="1">
                  <c:v>313276</c:v>
                </c:pt>
                <c:pt idx="2">
                  <c:v>303000</c:v>
                </c:pt>
                <c:pt idx="3">
                  <c:v>341559</c:v>
                </c:pt>
                <c:pt idx="4">
                  <c:v>350854</c:v>
                </c:pt>
                <c:pt idx="5">
                  <c:v>338799</c:v>
                </c:pt>
              </c:numCache>
            </c:numRef>
          </c:val>
          <c:smooth val="0"/>
          <c:extLst>
            <c:ext xmlns:c16="http://schemas.microsoft.com/office/drawing/2014/chart" uri="{C3380CC4-5D6E-409C-BE32-E72D297353CC}">
              <c16:uniqueId val="{00000002-06C9-4A99-A2B8-FD51D5C25E18}"/>
            </c:ext>
          </c:extLst>
        </c:ser>
        <c:ser>
          <c:idx val="1"/>
          <c:order val="3"/>
          <c:tx>
            <c:strRef>
              <c:f>品目別輸出額推計!$J$16</c:f>
              <c:strCache>
                <c:ptCount val="1"/>
                <c:pt idx="0">
                  <c:v>遊戯用具</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6:$P$16</c:f>
              <c:numCache>
                <c:formatCode>#,##0_);[Red]\(#,##0\)</c:formatCode>
                <c:ptCount val="6"/>
                <c:pt idx="0">
                  <c:v>65215</c:v>
                </c:pt>
                <c:pt idx="1">
                  <c:v>46890</c:v>
                </c:pt>
                <c:pt idx="2">
                  <c:v>56067</c:v>
                </c:pt>
                <c:pt idx="3">
                  <c:v>151144</c:v>
                </c:pt>
                <c:pt idx="4">
                  <c:v>200673</c:v>
                </c:pt>
                <c:pt idx="5">
                  <c:v>202847</c:v>
                </c:pt>
              </c:numCache>
            </c:numRef>
          </c:val>
          <c:smooth val="0"/>
          <c:extLst>
            <c:ext xmlns:c16="http://schemas.microsoft.com/office/drawing/2014/chart" uri="{C3380CC4-5D6E-409C-BE32-E72D297353CC}">
              <c16:uniqueId val="{00000003-06C9-4A99-A2B8-FD51D5C25E18}"/>
            </c:ext>
          </c:extLst>
        </c:ser>
        <c:ser>
          <c:idx val="0"/>
          <c:order val="4"/>
          <c:tx>
            <c:strRef>
              <c:f>品目別輸出額推計!$J$15</c:f>
              <c:strCache>
                <c:ptCount val="1"/>
                <c:pt idx="0">
                  <c:v>半導体等製造装置</c:v>
                </c:pt>
              </c:strCache>
            </c:strRef>
          </c:tx>
          <c:cat>
            <c:strRef>
              <c:f>品目別輸出額推計!$K$11:$P$11</c:f>
              <c:strCache>
                <c:ptCount val="6"/>
                <c:pt idx="0">
                  <c:v>2014年</c:v>
                </c:pt>
                <c:pt idx="1">
                  <c:v>2015年</c:v>
                </c:pt>
                <c:pt idx="2">
                  <c:v>2016年</c:v>
                </c:pt>
                <c:pt idx="3">
                  <c:v>2017年</c:v>
                </c:pt>
                <c:pt idx="4">
                  <c:v>2018年</c:v>
                </c:pt>
                <c:pt idx="5">
                  <c:v>2019年</c:v>
                </c:pt>
              </c:strCache>
            </c:strRef>
          </c:cat>
          <c:val>
            <c:numRef>
              <c:f>品目別輸出額推計!$K$15:$P$15</c:f>
              <c:numCache>
                <c:formatCode>#,##0_);[Red]\(#,##0\)</c:formatCode>
                <c:ptCount val="6"/>
                <c:pt idx="0">
                  <c:v>157583</c:v>
                </c:pt>
                <c:pt idx="1">
                  <c:v>181985</c:v>
                </c:pt>
                <c:pt idx="2">
                  <c:v>229785</c:v>
                </c:pt>
                <c:pt idx="3">
                  <c:v>233958</c:v>
                </c:pt>
                <c:pt idx="4">
                  <c:v>215568</c:v>
                </c:pt>
                <c:pt idx="5">
                  <c:v>249660</c:v>
                </c:pt>
              </c:numCache>
            </c:numRef>
          </c:val>
          <c:smooth val="0"/>
          <c:extLst>
            <c:ext xmlns:c16="http://schemas.microsoft.com/office/drawing/2014/chart" uri="{C3380CC4-5D6E-409C-BE32-E72D297353CC}">
              <c16:uniqueId val="{00000004-06C9-4A99-A2B8-FD51D5C25E18}"/>
            </c:ext>
          </c:extLst>
        </c:ser>
        <c:dLbls>
          <c:showLegendKey val="0"/>
          <c:showVal val="0"/>
          <c:showCatName val="0"/>
          <c:showSerName val="0"/>
          <c:showPercent val="0"/>
          <c:showBubbleSize val="0"/>
        </c:dLbls>
        <c:marker val="1"/>
        <c:smooth val="0"/>
        <c:axId val="85274624"/>
        <c:axId val="85276160"/>
      </c:lineChart>
      <c:catAx>
        <c:axId val="85274624"/>
        <c:scaling>
          <c:orientation val="minMax"/>
        </c:scaling>
        <c:delete val="0"/>
        <c:axPos val="b"/>
        <c:numFmt formatCode="General" sourceLinked="1"/>
        <c:majorTickMark val="out"/>
        <c:minorTickMark val="none"/>
        <c:tickLblPos val="nextTo"/>
        <c:crossAx val="85276160"/>
        <c:crosses val="autoZero"/>
        <c:auto val="1"/>
        <c:lblAlgn val="ctr"/>
        <c:lblOffset val="100"/>
        <c:noMultiLvlLbl val="0"/>
      </c:catAx>
      <c:valAx>
        <c:axId val="85276160"/>
        <c:scaling>
          <c:orientation val="minMax"/>
          <c:max val="1360000"/>
          <c:min val="150000"/>
        </c:scaling>
        <c:delete val="0"/>
        <c:axPos val="l"/>
        <c:majorGridlines/>
        <c:title>
          <c:tx>
            <c:rich>
              <a:bodyPr rot="0" vert="horz"/>
              <a:lstStyle/>
              <a:p>
                <a:pPr>
                  <a:defRPr b="0"/>
                </a:pPr>
                <a:r>
                  <a:rPr lang="ja-JP" b="0"/>
                  <a:t>（百万円）</a:t>
                </a:r>
              </a:p>
            </c:rich>
          </c:tx>
          <c:layout>
            <c:manualLayout>
              <c:xMode val="edge"/>
              <c:yMode val="edge"/>
              <c:x val="0.16210336194583103"/>
              <c:y val="1.6185079478030315E-2"/>
            </c:manualLayout>
          </c:layout>
          <c:overlay val="0"/>
        </c:title>
        <c:numFmt formatCode="#,##0_);[Red]\(#,##0\)" sourceLinked="1"/>
        <c:majorTickMark val="out"/>
        <c:minorTickMark val="none"/>
        <c:tickLblPos val="nextTo"/>
        <c:crossAx val="85274624"/>
        <c:crosses val="autoZero"/>
        <c:crossBetween val="between"/>
      </c:valAx>
      <c:dTable>
        <c:showHorzBorder val="1"/>
        <c:showVertBorder val="1"/>
        <c:showOutline val="1"/>
        <c:showKeys val="1"/>
      </c:dTable>
    </c:plotArea>
    <c:plotVisOnly val="1"/>
    <c:dispBlanksAs val="gap"/>
    <c:showDLblsOverMax val="0"/>
  </c:chart>
  <c:txPr>
    <a:bodyPr/>
    <a:lstStyle/>
    <a:p>
      <a:pPr>
        <a:defRPr baseline="0">
          <a:latin typeface="ＭＳ Ｐゴシック" panose="020B0600070205080204" pitchFamily="50" charset="-128"/>
          <a:ea typeface="ＭＳ Ｐゴシック" panose="020B0600070205080204" pitchFamily="50" charset="-128"/>
        </a:defRPr>
      </a:pPr>
      <a:endParaRPr lang="ja-JP"/>
    </a:p>
  </c:txPr>
  <c:externalData r:id="rId1">
    <c:autoUpdate val="0"/>
  </c:externalData>
</c:chartSpace>
</file>

<file path=ppt/charts/chart8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輸入まとめ!$R$33</c:f>
              <c:strCache>
                <c:ptCount val="1"/>
                <c:pt idx="0">
                  <c:v>  食料品</c:v>
                </c:pt>
              </c:strCache>
            </c:strRef>
          </c:tx>
          <c:spPr>
            <a:pattFill prst="sphere">
              <a:fgClr>
                <a:schemeClr val="bg1"/>
              </a:fgClr>
              <a:bgClr>
                <a:schemeClr val="accent1"/>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33:$U$33</c:f>
              <c:numCache>
                <c:formatCode>0.00%</c:formatCode>
                <c:ptCount val="3"/>
                <c:pt idx="0">
                  <c:v>1.1620384482641346E-2</c:v>
                </c:pt>
                <c:pt idx="1">
                  <c:v>1.1056639471946125E-2</c:v>
                </c:pt>
                <c:pt idx="2">
                  <c:v>1.0927142883132032E-2</c:v>
                </c:pt>
              </c:numCache>
            </c:numRef>
          </c:val>
          <c:extLst>
            <c:ext xmlns:c16="http://schemas.microsoft.com/office/drawing/2014/chart" uri="{C3380CC4-5D6E-409C-BE32-E72D297353CC}">
              <c16:uniqueId val="{00000000-71FE-4E1D-936B-8A066C988B2B}"/>
            </c:ext>
          </c:extLst>
        </c:ser>
        <c:ser>
          <c:idx val="1"/>
          <c:order val="1"/>
          <c:tx>
            <c:strRef>
              <c:f>輸入まとめ!$R$34</c:f>
              <c:strCache>
                <c:ptCount val="1"/>
                <c:pt idx="0">
                  <c:v>  鉱物性燃料・原料品</c:v>
                </c:pt>
              </c:strCache>
            </c:strRef>
          </c:tx>
          <c:spPr>
            <a:solidFill>
              <a:schemeClr val="accent2"/>
            </a:solidFill>
            <a:ln>
              <a:noFill/>
            </a:ln>
            <a:effectLst/>
          </c:spPr>
          <c:invertIfNegative val="0"/>
          <c:cat>
            <c:strRef>
              <c:f>輸入まとめ!$S$18:$U$18</c:f>
              <c:strCache>
                <c:ptCount val="3"/>
                <c:pt idx="0">
                  <c:v>関西空港</c:v>
                </c:pt>
                <c:pt idx="1">
                  <c:v>成田空港</c:v>
                </c:pt>
                <c:pt idx="2">
                  <c:v>中部空港</c:v>
                </c:pt>
              </c:strCache>
            </c:strRef>
          </c:cat>
          <c:val>
            <c:numRef>
              <c:f>輸入まとめ!$S$34:$U$34</c:f>
              <c:numCache>
                <c:formatCode>0.00%</c:formatCode>
                <c:ptCount val="3"/>
                <c:pt idx="0">
                  <c:v>6.7953313901785873E-3</c:v>
                </c:pt>
                <c:pt idx="1">
                  <c:v>5.2484450348778827E-3</c:v>
                </c:pt>
                <c:pt idx="2">
                  <c:v>3.6141841461926512E-3</c:v>
                </c:pt>
              </c:numCache>
            </c:numRef>
          </c:val>
          <c:extLst>
            <c:ext xmlns:c16="http://schemas.microsoft.com/office/drawing/2014/chart" uri="{C3380CC4-5D6E-409C-BE32-E72D297353CC}">
              <c16:uniqueId val="{00000001-71FE-4E1D-936B-8A066C988B2B}"/>
            </c:ext>
          </c:extLst>
        </c:ser>
        <c:ser>
          <c:idx val="2"/>
          <c:order val="2"/>
          <c:tx>
            <c:strRef>
              <c:f>輸入まとめ!$R$35</c:f>
              <c:strCache>
                <c:ptCount val="1"/>
                <c:pt idx="0">
                  <c:v>  化学製品</c:v>
                </c:pt>
              </c:strCache>
            </c:strRef>
          </c:tx>
          <c:spPr>
            <a:pattFill prst="pct50">
              <a:fgClr>
                <a:schemeClr val="bg1"/>
              </a:fgClr>
              <a:bgClr>
                <a:schemeClr val="accent3"/>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35:$U$35</c:f>
              <c:numCache>
                <c:formatCode>0.00%</c:formatCode>
                <c:ptCount val="3"/>
                <c:pt idx="0">
                  <c:v>0.28419016044882339</c:v>
                </c:pt>
                <c:pt idx="1">
                  <c:v>0.17113238871017969</c:v>
                </c:pt>
                <c:pt idx="2">
                  <c:v>0.20562256981250349</c:v>
                </c:pt>
              </c:numCache>
            </c:numRef>
          </c:val>
          <c:extLst>
            <c:ext xmlns:c16="http://schemas.microsoft.com/office/drawing/2014/chart" uri="{C3380CC4-5D6E-409C-BE32-E72D297353CC}">
              <c16:uniqueId val="{00000002-71FE-4E1D-936B-8A066C988B2B}"/>
            </c:ext>
          </c:extLst>
        </c:ser>
        <c:ser>
          <c:idx val="3"/>
          <c:order val="3"/>
          <c:tx>
            <c:strRef>
              <c:f>輸入まとめ!$R$36</c:f>
              <c:strCache>
                <c:ptCount val="1"/>
                <c:pt idx="0">
                  <c:v>  原料別製品</c:v>
                </c:pt>
              </c:strCache>
            </c:strRef>
          </c:tx>
          <c:spPr>
            <a:solidFill>
              <a:schemeClr val="accent4"/>
            </a:solidFill>
            <a:ln>
              <a:noFill/>
            </a:ln>
            <a:effectLst/>
          </c:spPr>
          <c:invertIfNegative val="0"/>
          <c:cat>
            <c:strRef>
              <c:f>輸入まとめ!$S$18:$U$18</c:f>
              <c:strCache>
                <c:ptCount val="3"/>
                <c:pt idx="0">
                  <c:v>関西空港</c:v>
                </c:pt>
                <c:pt idx="1">
                  <c:v>成田空港</c:v>
                </c:pt>
                <c:pt idx="2">
                  <c:v>中部空港</c:v>
                </c:pt>
              </c:strCache>
            </c:strRef>
          </c:cat>
          <c:val>
            <c:numRef>
              <c:f>輸入まとめ!$S$36:$U$36</c:f>
              <c:numCache>
                <c:formatCode>0.00%</c:formatCode>
                <c:ptCount val="3"/>
                <c:pt idx="0">
                  <c:v>4.4700704624523552E-2</c:v>
                </c:pt>
                <c:pt idx="1">
                  <c:v>6.0255178501512005E-2</c:v>
                </c:pt>
                <c:pt idx="2">
                  <c:v>8.0854145616564219E-2</c:v>
                </c:pt>
              </c:numCache>
            </c:numRef>
          </c:val>
          <c:extLst>
            <c:ext xmlns:c16="http://schemas.microsoft.com/office/drawing/2014/chart" uri="{C3380CC4-5D6E-409C-BE32-E72D297353CC}">
              <c16:uniqueId val="{00000003-71FE-4E1D-936B-8A066C988B2B}"/>
            </c:ext>
          </c:extLst>
        </c:ser>
        <c:ser>
          <c:idx val="4"/>
          <c:order val="4"/>
          <c:tx>
            <c:strRef>
              <c:f>輸入まとめ!$R$37</c:f>
              <c:strCache>
                <c:ptCount val="1"/>
                <c:pt idx="0">
                  <c:v>  一般機械</c:v>
                </c:pt>
              </c:strCache>
            </c:strRef>
          </c:tx>
          <c:spPr>
            <a:pattFill prst="pct60">
              <a:fgClr>
                <a:schemeClr val="bg1"/>
              </a:fgClr>
              <a:bgClr>
                <a:schemeClr val="accent5"/>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37:$U$37</c:f>
              <c:numCache>
                <c:formatCode>0.00%</c:formatCode>
                <c:ptCount val="3"/>
                <c:pt idx="0">
                  <c:v>0.11591463890827285</c:v>
                </c:pt>
                <c:pt idx="1">
                  <c:v>0.16520557012129689</c:v>
                </c:pt>
                <c:pt idx="2">
                  <c:v>0.23091797228921407</c:v>
                </c:pt>
              </c:numCache>
            </c:numRef>
          </c:val>
          <c:extLst>
            <c:ext xmlns:c16="http://schemas.microsoft.com/office/drawing/2014/chart" uri="{C3380CC4-5D6E-409C-BE32-E72D297353CC}">
              <c16:uniqueId val="{00000004-71FE-4E1D-936B-8A066C988B2B}"/>
            </c:ext>
          </c:extLst>
        </c:ser>
        <c:ser>
          <c:idx val="5"/>
          <c:order val="5"/>
          <c:tx>
            <c:strRef>
              <c:f>輸入まとめ!$R$38</c:f>
              <c:strCache>
                <c:ptCount val="1"/>
                <c:pt idx="0">
                  <c:v>  電気機器</c:v>
                </c:pt>
              </c:strCache>
            </c:strRef>
          </c:tx>
          <c:spPr>
            <a:pattFill prst="pct5">
              <a:fgClr>
                <a:schemeClr val="bg1"/>
              </a:fgClr>
              <a:bgClr>
                <a:schemeClr val="accent6"/>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38:$U$38</c:f>
              <c:numCache>
                <c:formatCode>0.00%</c:formatCode>
                <c:ptCount val="3"/>
                <c:pt idx="0">
                  <c:v>0.32256763463316446</c:v>
                </c:pt>
                <c:pt idx="1">
                  <c:v>0.29665186935426252</c:v>
                </c:pt>
                <c:pt idx="2">
                  <c:v>0.22896149479255132</c:v>
                </c:pt>
              </c:numCache>
            </c:numRef>
          </c:val>
          <c:extLst>
            <c:ext xmlns:c16="http://schemas.microsoft.com/office/drawing/2014/chart" uri="{C3380CC4-5D6E-409C-BE32-E72D297353CC}">
              <c16:uniqueId val="{00000005-71FE-4E1D-936B-8A066C988B2B}"/>
            </c:ext>
          </c:extLst>
        </c:ser>
        <c:ser>
          <c:idx val="6"/>
          <c:order val="6"/>
          <c:tx>
            <c:strRef>
              <c:f>輸入まとめ!$R$39</c:f>
              <c:strCache>
                <c:ptCount val="1"/>
                <c:pt idx="0">
                  <c:v>  輸送用機器</c:v>
                </c:pt>
              </c:strCache>
            </c:strRef>
          </c:tx>
          <c:spPr>
            <a:pattFill prst="pct30">
              <a:fgClr>
                <a:schemeClr val="bg1"/>
              </a:fgClr>
              <a:bgClr>
                <a:schemeClr val="tx2"/>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39:$U$39</c:f>
              <c:numCache>
                <c:formatCode>0.00%</c:formatCode>
                <c:ptCount val="3"/>
                <c:pt idx="0">
                  <c:v>1.6556786892018872E-2</c:v>
                </c:pt>
                <c:pt idx="1">
                  <c:v>2.0509826307680966E-2</c:v>
                </c:pt>
                <c:pt idx="2">
                  <c:v>9.783679278527907E-2</c:v>
                </c:pt>
              </c:numCache>
            </c:numRef>
          </c:val>
          <c:extLst>
            <c:ext xmlns:c16="http://schemas.microsoft.com/office/drawing/2014/chart" uri="{C3380CC4-5D6E-409C-BE32-E72D297353CC}">
              <c16:uniqueId val="{00000006-71FE-4E1D-936B-8A066C988B2B}"/>
            </c:ext>
          </c:extLst>
        </c:ser>
        <c:ser>
          <c:idx val="7"/>
          <c:order val="7"/>
          <c:tx>
            <c:strRef>
              <c:f>輸入まとめ!$R$40</c:f>
              <c:strCache>
                <c:ptCount val="1"/>
                <c:pt idx="0">
                  <c:v>  その他</c:v>
                </c:pt>
              </c:strCache>
            </c:strRef>
          </c:tx>
          <c:spPr>
            <a:pattFill prst="solidDmnd">
              <a:fgClr>
                <a:schemeClr val="bg1"/>
              </a:fgClr>
              <a:bgClr>
                <a:schemeClr val="accent2"/>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40:$U$40</c:f>
              <c:numCache>
                <c:formatCode>0.00%</c:formatCode>
                <c:ptCount val="3"/>
                <c:pt idx="0">
                  <c:v>0.19765435862037692</c:v>
                </c:pt>
                <c:pt idx="1">
                  <c:v>0.2014715413339494</c:v>
                </c:pt>
                <c:pt idx="2">
                  <c:v>0.14126569767456301</c:v>
                </c:pt>
              </c:numCache>
            </c:numRef>
          </c:val>
          <c:extLst>
            <c:ext xmlns:c16="http://schemas.microsoft.com/office/drawing/2014/chart" uri="{C3380CC4-5D6E-409C-BE32-E72D297353CC}">
              <c16:uniqueId val="{00000007-71FE-4E1D-936B-8A066C988B2B}"/>
            </c:ext>
          </c:extLst>
        </c:ser>
        <c:dLbls>
          <c:showLegendKey val="0"/>
          <c:showVal val="0"/>
          <c:showCatName val="0"/>
          <c:showSerName val="0"/>
          <c:showPercent val="0"/>
          <c:showBubbleSize val="0"/>
        </c:dLbls>
        <c:gapWidth val="95"/>
        <c:overlap val="100"/>
        <c:axId val="1112067791"/>
        <c:axId val="1112049071"/>
      </c:barChart>
      <c:catAx>
        <c:axId val="111206779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49071"/>
        <c:crosses val="autoZero"/>
        <c:auto val="1"/>
        <c:lblAlgn val="ctr"/>
        <c:lblOffset val="100"/>
        <c:noMultiLvlLbl val="0"/>
      </c:catAx>
      <c:valAx>
        <c:axId val="1112049071"/>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6779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4"/>
          <c:order val="0"/>
          <c:tx>
            <c:strRef>
              <c:f>品目別輸入額推計!$J$12</c:f>
              <c:strCache>
                <c:ptCount val="1"/>
                <c:pt idx="0">
                  <c:v>医薬品</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2:$Q$12</c:f>
              <c:numCache>
                <c:formatCode>#,##0_);[Red]\(#,##0\)</c:formatCode>
                <c:ptCount val="7"/>
                <c:pt idx="0">
                  <c:v>676178</c:v>
                </c:pt>
                <c:pt idx="1">
                  <c:v>670233</c:v>
                </c:pt>
                <c:pt idx="2">
                  <c:v>667635</c:v>
                </c:pt>
                <c:pt idx="3">
                  <c:v>737473</c:v>
                </c:pt>
                <c:pt idx="4">
                  <c:v>692750</c:v>
                </c:pt>
                <c:pt idx="5">
                  <c:v>727943</c:v>
                </c:pt>
                <c:pt idx="6">
                  <c:v>919148</c:v>
                </c:pt>
              </c:numCache>
            </c:numRef>
          </c:val>
          <c:smooth val="0"/>
          <c:extLst>
            <c:ext xmlns:c16="http://schemas.microsoft.com/office/drawing/2014/chart" uri="{C3380CC4-5D6E-409C-BE32-E72D297353CC}">
              <c16:uniqueId val="{00000000-FFA2-49F3-81E9-415CDDA39EAA}"/>
            </c:ext>
          </c:extLst>
        </c:ser>
        <c:ser>
          <c:idx val="3"/>
          <c:order val="1"/>
          <c:tx>
            <c:strRef>
              <c:f>品目別輸入額推計!$J$13</c:f>
              <c:strCache>
                <c:ptCount val="1"/>
                <c:pt idx="0">
                  <c:v>通信機</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3:$Q$13</c:f>
              <c:numCache>
                <c:formatCode>#,##0_);[Red]\(#,##0\)</c:formatCode>
                <c:ptCount val="7"/>
                <c:pt idx="0">
                  <c:v>657268</c:v>
                </c:pt>
                <c:pt idx="1">
                  <c:v>655053</c:v>
                </c:pt>
                <c:pt idx="2">
                  <c:v>646785</c:v>
                </c:pt>
                <c:pt idx="3">
                  <c:v>626616</c:v>
                </c:pt>
                <c:pt idx="4">
                  <c:v>668126</c:v>
                </c:pt>
                <c:pt idx="5">
                  <c:v>674580</c:v>
                </c:pt>
                <c:pt idx="6">
                  <c:v>562790</c:v>
                </c:pt>
              </c:numCache>
            </c:numRef>
          </c:val>
          <c:smooth val="0"/>
          <c:extLst>
            <c:ext xmlns:c16="http://schemas.microsoft.com/office/drawing/2014/chart" uri="{C3380CC4-5D6E-409C-BE32-E72D297353CC}">
              <c16:uniqueId val="{00000001-FFA2-49F3-81E9-415CDDA39EAA}"/>
            </c:ext>
          </c:extLst>
        </c:ser>
        <c:ser>
          <c:idx val="2"/>
          <c:order val="2"/>
          <c:tx>
            <c:strRef>
              <c:f>品目別輸入額推計!$J$14</c:f>
              <c:strCache>
                <c:ptCount val="1"/>
                <c:pt idx="0">
                  <c:v>半導体等電子部品</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4:$Q$14</c:f>
              <c:numCache>
                <c:formatCode>#,##0_);[Red]\(#,##0\)</c:formatCode>
                <c:ptCount val="7"/>
                <c:pt idx="0">
                  <c:v>273499</c:v>
                </c:pt>
                <c:pt idx="1">
                  <c:v>300973</c:v>
                </c:pt>
                <c:pt idx="2">
                  <c:v>328835</c:v>
                </c:pt>
                <c:pt idx="3">
                  <c:v>280478</c:v>
                </c:pt>
                <c:pt idx="4">
                  <c:v>356234</c:v>
                </c:pt>
                <c:pt idx="5">
                  <c:v>318374</c:v>
                </c:pt>
                <c:pt idx="6">
                  <c:v>324766</c:v>
                </c:pt>
              </c:numCache>
            </c:numRef>
          </c:val>
          <c:smooth val="0"/>
          <c:extLst>
            <c:ext xmlns:c16="http://schemas.microsoft.com/office/drawing/2014/chart" uri="{C3380CC4-5D6E-409C-BE32-E72D297353CC}">
              <c16:uniqueId val="{00000002-FFA2-49F3-81E9-415CDDA39EAA}"/>
            </c:ext>
          </c:extLst>
        </c:ser>
        <c:ser>
          <c:idx val="1"/>
          <c:order val="3"/>
          <c:tx>
            <c:strRef>
              <c:f>品目別輸入額推計!$J$15</c:f>
              <c:strCache>
                <c:ptCount val="1"/>
                <c:pt idx="0">
                  <c:v>科学光学機器</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5:$Q$15</c:f>
              <c:numCache>
                <c:formatCode>#,##0_);[Red]\(#,##0\)</c:formatCode>
                <c:ptCount val="7"/>
                <c:pt idx="0">
                  <c:v>157712</c:v>
                </c:pt>
                <c:pt idx="1">
                  <c:v>173751</c:v>
                </c:pt>
                <c:pt idx="2">
                  <c:v>212741</c:v>
                </c:pt>
                <c:pt idx="3">
                  <c:v>180739</c:v>
                </c:pt>
                <c:pt idx="4">
                  <c:v>208815</c:v>
                </c:pt>
                <c:pt idx="5">
                  <c:v>200459</c:v>
                </c:pt>
                <c:pt idx="6">
                  <c:v>192045</c:v>
                </c:pt>
              </c:numCache>
            </c:numRef>
          </c:val>
          <c:smooth val="0"/>
          <c:extLst>
            <c:ext xmlns:c16="http://schemas.microsoft.com/office/drawing/2014/chart" uri="{C3380CC4-5D6E-409C-BE32-E72D297353CC}">
              <c16:uniqueId val="{00000003-FFA2-49F3-81E9-415CDDA39EAA}"/>
            </c:ext>
          </c:extLst>
        </c:ser>
        <c:ser>
          <c:idx val="0"/>
          <c:order val="4"/>
          <c:tx>
            <c:strRef>
              <c:f>品目別輸入額推計!$J$16</c:f>
              <c:strCache>
                <c:ptCount val="1"/>
                <c:pt idx="0">
                  <c:v>事務用機器</c:v>
                </c:pt>
              </c:strCache>
            </c:strRef>
          </c:tx>
          <c:cat>
            <c:strRef>
              <c:f>品目別輸入額推計!$K$11:$Q$11</c:f>
              <c:strCache>
                <c:ptCount val="7"/>
                <c:pt idx="0">
                  <c:v>2013年</c:v>
                </c:pt>
                <c:pt idx="1">
                  <c:v>2014年</c:v>
                </c:pt>
                <c:pt idx="2">
                  <c:v>2015年</c:v>
                </c:pt>
                <c:pt idx="3">
                  <c:v>2016年</c:v>
                </c:pt>
                <c:pt idx="4">
                  <c:v>2017年</c:v>
                </c:pt>
                <c:pt idx="5">
                  <c:v>2018年</c:v>
                </c:pt>
                <c:pt idx="6">
                  <c:v>2019年</c:v>
                </c:pt>
              </c:strCache>
            </c:strRef>
          </c:cat>
          <c:val>
            <c:numRef>
              <c:f>品目別輸入額推計!$K$16:$Q$16</c:f>
              <c:numCache>
                <c:formatCode>#,##0_);[Red]\(#,##0\)</c:formatCode>
                <c:ptCount val="7"/>
                <c:pt idx="0">
                  <c:v>149935</c:v>
                </c:pt>
                <c:pt idx="1">
                  <c:v>161613</c:v>
                </c:pt>
                <c:pt idx="2">
                  <c:v>143916</c:v>
                </c:pt>
                <c:pt idx="3">
                  <c:v>132675</c:v>
                </c:pt>
                <c:pt idx="4">
                  <c:v>143701</c:v>
                </c:pt>
                <c:pt idx="5">
                  <c:v>136936</c:v>
                </c:pt>
                <c:pt idx="6">
                  <c:v>137476</c:v>
                </c:pt>
              </c:numCache>
            </c:numRef>
          </c:val>
          <c:smooth val="0"/>
          <c:extLst>
            <c:ext xmlns:c16="http://schemas.microsoft.com/office/drawing/2014/chart" uri="{C3380CC4-5D6E-409C-BE32-E72D297353CC}">
              <c16:uniqueId val="{00000004-FFA2-49F3-81E9-415CDDA39EAA}"/>
            </c:ext>
          </c:extLst>
        </c:ser>
        <c:dLbls>
          <c:showLegendKey val="0"/>
          <c:showVal val="0"/>
          <c:showCatName val="0"/>
          <c:showSerName val="0"/>
          <c:showPercent val="0"/>
          <c:showBubbleSize val="0"/>
        </c:dLbls>
        <c:marker val="1"/>
        <c:smooth val="0"/>
        <c:axId val="85617664"/>
        <c:axId val="85631744"/>
      </c:lineChart>
      <c:catAx>
        <c:axId val="85617664"/>
        <c:scaling>
          <c:orientation val="minMax"/>
        </c:scaling>
        <c:delete val="0"/>
        <c:axPos val="b"/>
        <c:numFmt formatCode="General" sourceLinked="1"/>
        <c:majorTickMark val="out"/>
        <c:minorTickMark val="none"/>
        <c:tickLblPos val="nextTo"/>
        <c:crossAx val="85631744"/>
        <c:crosses val="autoZero"/>
        <c:auto val="1"/>
        <c:lblAlgn val="ctr"/>
        <c:lblOffset val="100"/>
        <c:noMultiLvlLbl val="0"/>
      </c:catAx>
      <c:valAx>
        <c:axId val="85631744"/>
        <c:scaling>
          <c:orientation val="minMax"/>
          <c:min val="100000"/>
        </c:scaling>
        <c:delete val="0"/>
        <c:axPos val="l"/>
        <c:majorGridlines/>
        <c:numFmt formatCode="#,##0_);[Red]\(#,##0\)" sourceLinked="0"/>
        <c:majorTickMark val="out"/>
        <c:minorTickMark val="none"/>
        <c:tickLblPos val="nextTo"/>
        <c:spPr>
          <a:ln w="6350"/>
        </c:spPr>
        <c:crossAx val="85617664"/>
        <c:crosses val="autoZero"/>
        <c:crossBetween val="between"/>
      </c:valAx>
      <c:dTable>
        <c:showHorzBorder val="1"/>
        <c:showVertBorder val="1"/>
        <c:showOutline val="1"/>
        <c:showKeys val="1"/>
        <c:txPr>
          <a:bodyPr/>
          <a:lstStyle/>
          <a:p>
            <a:pPr rtl="0">
              <a:defRPr baseline="0">
                <a:ea typeface="ＭＳ Ｐゴシック" panose="020B0600070205080204" pitchFamily="50" charset="-128"/>
              </a:defRPr>
            </a:pPr>
            <a:endParaRPr lang="ja-JP"/>
          </a:p>
        </c:txPr>
      </c:dTable>
    </c:plotArea>
    <c:plotVisOnly val="1"/>
    <c:dispBlanksAs val="gap"/>
    <c:showDLblsOverMax val="0"/>
  </c:chart>
  <c:txPr>
    <a:bodyPr/>
    <a:lstStyle/>
    <a:p>
      <a:pPr>
        <a:defRPr>
          <a:latin typeface="+mn-ea"/>
          <a:ea typeface="+mn-ea"/>
        </a:defRPr>
      </a:pPr>
      <a:endParaRPr lang="ja-JP"/>
    </a:p>
  </c:txPr>
  <c:externalData r:id="rId1">
    <c:autoUpdate val="0"/>
  </c:externalData>
</c:chartSpace>
</file>

<file path=ppt/charts/chart8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5958072982812632"/>
          <c:w val="0.86025984251968501"/>
          <c:h val="0.73267022267377868"/>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6:$N$6</c:f>
              <c:numCache>
                <c:formatCode>#,##0_ </c:formatCode>
                <c:ptCount val="13"/>
                <c:pt idx="0">
                  <c:v>782</c:v>
                </c:pt>
                <c:pt idx="1">
                  <c:v>782</c:v>
                </c:pt>
                <c:pt idx="2">
                  <c:v>719</c:v>
                </c:pt>
                <c:pt idx="3">
                  <c:v>736</c:v>
                </c:pt>
                <c:pt idx="4">
                  <c:v>728</c:v>
                </c:pt>
                <c:pt idx="5">
                  <c:v>854</c:v>
                </c:pt>
                <c:pt idx="6">
                  <c:v>831</c:v>
                </c:pt>
                <c:pt idx="7">
                  <c:v>916</c:v>
                </c:pt>
                <c:pt idx="8">
                  <c:v>1164</c:v>
                </c:pt>
                <c:pt idx="9">
                  <c:v>1241</c:v>
                </c:pt>
                <c:pt idx="10">
                  <c:v>1304</c:v>
                </c:pt>
                <c:pt idx="11">
                  <c:v>1382</c:v>
                </c:pt>
                <c:pt idx="12">
                  <c:v>1548</c:v>
                </c:pt>
              </c:numCache>
            </c:numRef>
          </c:val>
          <c:smooth val="0"/>
          <c:extLst>
            <c:ext xmlns:c16="http://schemas.microsoft.com/office/drawing/2014/chart" uri="{C3380CC4-5D6E-409C-BE32-E72D297353CC}">
              <c16:uniqueId val="{00000000-2342-4D3E-B746-B255B37D1D01}"/>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7:$N$7</c:f>
              <c:numCache>
                <c:formatCode>#,##0_ </c:formatCode>
                <c:ptCount val="13"/>
                <c:pt idx="0">
                  <c:v>605</c:v>
                </c:pt>
                <c:pt idx="1">
                  <c:v>598</c:v>
                </c:pt>
                <c:pt idx="2">
                  <c:v>599</c:v>
                </c:pt>
                <c:pt idx="3">
                  <c:v>594</c:v>
                </c:pt>
                <c:pt idx="4">
                  <c:v>581</c:v>
                </c:pt>
                <c:pt idx="5">
                  <c:v>716</c:v>
                </c:pt>
                <c:pt idx="6">
                  <c:v>696</c:v>
                </c:pt>
                <c:pt idx="7">
                  <c:v>775</c:v>
                </c:pt>
                <c:pt idx="8">
                  <c:v>1034</c:v>
                </c:pt>
                <c:pt idx="9">
                  <c:v>1109</c:v>
                </c:pt>
                <c:pt idx="10">
                  <c:v>1169</c:v>
                </c:pt>
                <c:pt idx="11">
                  <c:v>1244</c:v>
                </c:pt>
                <c:pt idx="12">
                  <c:v>1403</c:v>
                </c:pt>
              </c:numCache>
            </c:numRef>
          </c:val>
          <c:smooth val="0"/>
          <c:extLst>
            <c:ext xmlns:c16="http://schemas.microsoft.com/office/drawing/2014/chart" uri="{C3380CC4-5D6E-409C-BE32-E72D297353CC}">
              <c16:uniqueId val="{00000001-2342-4D3E-B746-B255B37D1D01}"/>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8:$N$8</c:f>
              <c:numCache>
                <c:formatCode>#,##0_ </c:formatCode>
                <c:ptCount val="13"/>
                <c:pt idx="0">
                  <c:v>177</c:v>
                </c:pt>
                <c:pt idx="1">
                  <c:v>184</c:v>
                </c:pt>
                <c:pt idx="2">
                  <c:v>120</c:v>
                </c:pt>
                <c:pt idx="3">
                  <c:v>142</c:v>
                </c:pt>
                <c:pt idx="4">
                  <c:v>147</c:v>
                </c:pt>
                <c:pt idx="5">
                  <c:v>138</c:v>
                </c:pt>
                <c:pt idx="6">
                  <c:v>135</c:v>
                </c:pt>
                <c:pt idx="7">
                  <c:v>141</c:v>
                </c:pt>
                <c:pt idx="8">
                  <c:v>130</c:v>
                </c:pt>
                <c:pt idx="9">
                  <c:v>132</c:v>
                </c:pt>
                <c:pt idx="10">
                  <c:v>135</c:v>
                </c:pt>
                <c:pt idx="11">
                  <c:v>138</c:v>
                </c:pt>
                <c:pt idx="12">
                  <c:v>145</c:v>
                </c:pt>
              </c:numCache>
            </c:numRef>
          </c:val>
          <c:smooth val="0"/>
          <c:extLst>
            <c:ext xmlns:c16="http://schemas.microsoft.com/office/drawing/2014/chart" uri="{C3380CC4-5D6E-409C-BE32-E72D297353CC}">
              <c16:uniqueId val="{00000002-2342-4D3E-B746-B255B37D1D01}"/>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crossAx val="115004928"/>
        <c:crosses val="autoZero"/>
        <c:auto val="1"/>
        <c:lblAlgn val="ctr"/>
        <c:lblOffset val="100"/>
        <c:noMultiLvlLbl val="0"/>
      </c:catAx>
      <c:valAx>
        <c:axId val="115004928"/>
        <c:scaling>
          <c:orientation val="minMax"/>
          <c:max val="16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2018夏まとめ'!$H$11</c:f>
              <c:strCache>
                <c:ptCount val="1"/>
                <c:pt idx="0">
                  <c:v>その他</c:v>
                </c:pt>
              </c:strCache>
            </c:strRef>
          </c:tx>
          <c:spPr>
            <a:solidFill>
              <a:schemeClr val="accent1"/>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1:$L$11</c:f>
              <c:numCache>
                <c:formatCode>General</c:formatCode>
                <c:ptCount val="4"/>
                <c:pt idx="0">
                  <c:v>16</c:v>
                </c:pt>
                <c:pt idx="1">
                  <c:v>101</c:v>
                </c:pt>
                <c:pt idx="2">
                  <c:v>28</c:v>
                </c:pt>
                <c:pt idx="3">
                  <c:v>7</c:v>
                </c:pt>
              </c:numCache>
            </c:numRef>
          </c:val>
          <c:extLst>
            <c:ext xmlns:c16="http://schemas.microsoft.com/office/drawing/2014/chart" uri="{C3380CC4-5D6E-409C-BE32-E72D297353CC}">
              <c16:uniqueId val="{00000000-F6EB-4040-A93A-EAA53AC38F7F}"/>
            </c:ext>
          </c:extLst>
        </c:ser>
        <c:ser>
          <c:idx val="1"/>
          <c:order val="1"/>
          <c:tx>
            <c:strRef>
              <c:f>'2018夏まとめ'!$H$12</c:f>
              <c:strCache>
                <c:ptCount val="1"/>
                <c:pt idx="0">
                  <c:v>欧州</c:v>
                </c:pt>
              </c:strCache>
            </c:strRef>
          </c:tx>
          <c:spPr>
            <a:solidFill>
              <a:schemeClr val="accent2"/>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2:$L$12</c:f>
              <c:numCache>
                <c:formatCode>General</c:formatCode>
                <c:ptCount val="4"/>
                <c:pt idx="0">
                  <c:v>35</c:v>
                </c:pt>
                <c:pt idx="1">
                  <c:v>150</c:v>
                </c:pt>
                <c:pt idx="2">
                  <c:v>97</c:v>
                </c:pt>
                <c:pt idx="3">
                  <c:v>12</c:v>
                </c:pt>
              </c:numCache>
            </c:numRef>
          </c:val>
          <c:extLst>
            <c:ext xmlns:c16="http://schemas.microsoft.com/office/drawing/2014/chart" uri="{C3380CC4-5D6E-409C-BE32-E72D297353CC}">
              <c16:uniqueId val="{00000001-F6EB-4040-A93A-EAA53AC38F7F}"/>
            </c:ext>
          </c:extLst>
        </c:ser>
        <c:ser>
          <c:idx val="2"/>
          <c:order val="2"/>
          <c:tx>
            <c:strRef>
              <c:f>'2018夏まとめ'!$H$13</c:f>
              <c:strCache>
                <c:ptCount val="1"/>
                <c:pt idx="0">
                  <c:v>北米</c:v>
                </c:pt>
              </c:strCache>
            </c:strRef>
          </c:tx>
          <c:spPr>
            <a:solidFill>
              <a:schemeClr val="accent3"/>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3:$L$13</c:f>
              <c:numCache>
                <c:formatCode>General</c:formatCode>
                <c:ptCount val="4"/>
                <c:pt idx="0">
                  <c:v>68</c:v>
                </c:pt>
                <c:pt idx="1">
                  <c:v>351</c:v>
                </c:pt>
                <c:pt idx="2">
                  <c:v>98</c:v>
                </c:pt>
                <c:pt idx="3">
                  <c:v>30</c:v>
                </c:pt>
              </c:numCache>
            </c:numRef>
          </c:val>
          <c:extLst>
            <c:ext xmlns:c16="http://schemas.microsoft.com/office/drawing/2014/chart" uri="{C3380CC4-5D6E-409C-BE32-E72D297353CC}">
              <c16:uniqueId val="{00000002-F6EB-4040-A93A-EAA53AC38F7F}"/>
            </c:ext>
          </c:extLst>
        </c:ser>
        <c:ser>
          <c:idx val="3"/>
          <c:order val="3"/>
          <c:tx>
            <c:strRef>
              <c:f>'2018夏まとめ'!$H$14</c:f>
              <c:strCache>
                <c:ptCount val="1"/>
                <c:pt idx="0">
                  <c:v>アジア</c:v>
                </c:pt>
              </c:strCache>
            </c:strRef>
          </c:tx>
          <c:spPr>
            <a:solidFill>
              <a:schemeClr val="accent4"/>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4:$L$14</c:f>
              <c:numCache>
                <c:formatCode>General</c:formatCode>
                <c:ptCount val="4"/>
                <c:pt idx="0">
                  <c:v>1256.5</c:v>
                </c:pt>
                <c:pt idx="1">
                  <c:v>1148.5</c:v>
                </c:pt>
                <c:pt idx="2">
                  <c:v>588.5</c:v>
                </c:pt>
                <c:pt idx="3">
                  <c:v>362.5</c:v>
                </c:pt>
              </c:numCache>
            </c:numRef>
          </c:val>
          <c:extLst>
            <c:ext xmlns:c16="http://schemas.microsoft.com/office/drawing/2014/chart" uri="{C3380CC4-5D6E-409C-BE32-E72D297353CC}">
              <c16:uniqueId val="{00000003-F6EB-4040-A93A-EAA53AC38F7F}"/>
            </c:ext>
          </c:extLst>
        </c:ser>
        <c:dLbls>
          <c:showLegendKey val="0"/>
          <c:showVal val="0"/>
          <c:showCatName val="0"/>
          <c:showSerName val="0"/>
          <c:showPercent val="0"/>
          <c:showBubbleSize val="0"/>
        </c:dLbls>
        <c:gapWidth val="95"/>
        <c:overlap val="100"/>
        <c:axId val="1841129264"/>
        <c:axId val="1841130096"/>
      </c:barChart>
      <c:catAx>
        <c:axId val="18411292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30096"/>
        <c:crosses val="autoZero"/>
        <c:auto val="1"/>
        <c:lblAlgn val="ctr"/>
        <c:lblOffset val="100"/>
        <c:noMultiLvlLbl val="0"/>
      </c:catAx>
      <c:valAx>
        <c:axId val="1841130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29264"/>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8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C$3</c:f>
              <c:strCache>
                <c:ptCount val="1"/>
                <c:pt idx="0">
                  <c:v>貨物量</c:v>
                </c:pt>
              </c:strCache>
            </c:strRef>
          </c:tx>
          <c:invertIfNegative val="0"/>
          <c:dLbls>
            <c:spPr>
              <a:noFill/>
              <a:ln>
                <a:noFill/>
              </a:ln>
              <a:effectLst/>
            </c:spPr>
            <c:txPr>
              <a:bodyPr wrap="square" lIns="38100" tIns="19050" rIns="38100" bIns="19050" anchor="ctr">
                <a:spAutoFit/>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J$2</c:f>
              <c:numCache>
                <c:formatCode>General</c:formatCode>
                <c:ptCount val="7"/>
                <c:pt idx="0">
                  <c:v>2013</c:v>
                </c:pt>
                <c:pt idx="1">
                  <c:v>2014</c:v>
                </c:pt>
                <c:pt idx="2">
                  <c:v>2015</c:v>
                </c:pt>
                <c:pt idx="3">
                  <c:v>2016</c:v>
                </c:pt>
                <c:pt idx="4">
                  <c:v>2017</c:v>
                </c:pt>
                <c:pt idx="5">
                  <c:v>2018</c:v>
                </c:pt>
                <c:pt idx="6">
                  <c:v>2019</c:v>
                </c:pt>
              </c:numCache>
            </c:numRef>
          </c:cat>
          <c:val>
            <c:numRef>
              <c:f>Sheet1!$D$3:$J$3</c:f>
              <c:numCache>
                <c:formatCode>General</c:formatCode>
                <c:ptCount val="7"/>
                <c:pt idx="0">
                  <c:v>9.3000000000000007</c:v>
                </c:pt>
                <c:pt idx="1">
                  <c:v>14.4</c:v>
                </c:pt>
                <c:pt idx="2">
                  <c:v>15.7</c:v>
                </c:pt>
                <c:pt idx="3">
                  <c:v>16.7</c:v>
                </c:pt>
                <c:pt idx="4">
                  <c:v>18</c:v>
                </c:pt>
                <c:pt idx="5">
                  <c:v>15.5</c:v>
                </c:pt>
                <c:pt idx="6">
                  <c:v>16.600000000000001</c:v>
                </c:pt>
              </c:numCache>
            </c:numRef>
          </c:val>
          <c:extLst>
            <c:ext xmlns:c16="http://schemas.microsoft.com/office/drawing/2014/chart" uri="{C3380CC4-5D6E-409C-BE32-E72D297353CC}">
              <c16:uniqueId val="{00000000-C6CF-446A-BED2-E035F8ACD247}"/>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spPr>
          <a:ln>
            <a:solidFill>
              <a:schemeClr val="tx1">
                <a:lumMod val="15000"/>
                <a:lumOff val="85000"/>
                <a:alpha val="94000"/>
              </a:schemeClr>
            </a:solidFill>
          </a:ln>
        </c:spPr>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3003509176623798E-2"/>
          <c:y val="8.1085717553323292E-2"/>
          <c:w val="0.8875083878875426"/>
          <c:h val="0.73586237573135027"/>
        </c:manualLayout>
      </c:layout>
      <c:lineChart>
        <c:grouping val="standard"/>
        <c:varyColors val="0"/>
        <c:ser>
          <c:idx val="0"/>
          <c:order val="0"/>
          <c:tx>
            <c:strRef>
              <c:f>まとめ!$A$4</c:f>
              <c:strCache>
                <c:ptCount val="1"/>
                <c:pt idx="0">
                  <c:v>新規求人倍率（大阪府）</c:v>
                </c:pt>
              </c:strCache>
            </c:strRef>
          </c:tx>
          <c:marker>
            <c:symbol val="none"/>
          </c:marker>
          <c:dLbls>
            <c:dLbl>
              <c:idx val="116"/>
              <c:layout>
                <c:manualLayout>
                  <c:x val="-1.3983122400229201E-2"/>
                  <c:y val="-9.8283022744071483E-2"/>
                </c:manualLayout>
              </c:layout>
              <c:tx>
                <c:rich>
                  <a:bodyPr wrap="square" lIns="38100" tIns="19050" rIns="38100" bIns="19050" anchor="ctr">
                    <a:spAutoFit/>
                  </a:bodyPr>
                  <a:lstStyle/>
                  <a:p>
                    <a:pPr>
                      <a:defRPr>
                        <a:latin typeface="+mn-ea"/>
                        <a:ea typeface="+mn-ea"/>
                      </a:defRPr>
                    </a:pPr>
                    <a:r>
                      <a:rPr lang="zh-TW" altLang="en-US" dirty="0">
                        <a:latin typeface="ＭＳ Ｐゴシック" panose="020B0600070205080204" pitchFamily="50" charset="-128"/>
                        <a:ea typeface="ＭＳ Ｐゴシック" panose="020B0600070205080204" pitchFamily="50" charset="-128"/>
                      </a:rPr>
                      <a:t>新規求人倍率（大阪府）</a:t>
                    </a: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ext>
                <c:ext xmlns:c16="http://schemas.microsoft.com/office/drawing/2014/chart" uri="{C3380CC4-5D6E-409C-BE32-E72D297353CC}">
                  <c16:uniqueId val="{00000000-8E07-4D84-BF4C-2EDFCCABAF65}"/>
                </c:ext>
              </c:extLst>
            </c:dLbl>
            <c:dLbl>
              <c:idx val="129"/>
              <c:layout>
                <c:manualLayout>
                  <c:x val="-7.0161635620679562E-3"/>
                  <c:y val="-5.03459883594454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E07-4D84-BF4C-2EDFCCABAF65}"/>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A$3</c:f>
              <c:numCache>
                <c:formatCode>yyyy"年"m"月"</c:formatCode>
                <c:ptCount val="13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numCache>
            </c:numRef>
          </c:cat>
          <c:val>
            <c:numRef>
              <c:f>まとめ!$B$4:$EA$4</c:f>
              <c:numCache>
                <c:formatCode>0.00_ ;[Red]\-0.00\ </c:formatCode>
                <c:ptCount val="130"/>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1</c:v>
                </c:pt>
                <c:pt idx="51">
                  <c:v>1.66</c:v>
                </c:pt>
                <c:pt idx="52">
                  <c:v>1.72</c:v>
                </c:pt>
                <c:pt idx="53">
                  <c:v>1.79</c:v>
                </c:pt>
                <c:pt idx="54">
                  <c:v>1.75</c:v>
                </c:pt>
                <c:pt idx="55">
                  <c:v>1.75</c:v>
                </c:pt>
                <c:pt idx="56">
                  <c:v>1.72</c:v>
                </c:pt>
                <c:pt idx="57">
                  <c:v>1.77</c:v>
                </c:pt>
                <c:pt idx="58">
                  <c:v>1.75</c:v>
                </c:pt>
                <c:pt idx="59">
                  <c:v>1.8</c:v>
                </c:pt>
                <c:pt idx="60">
                  <c:v>1.88</c:v>
                </c:pt>
                <c:pt idx="61">
                  <c:v>1.75</c:v>
                </c:pt>
                <c:pt idx="62">
                  <c:v>1.87</c:v>
                </c:pt>
                <c:pt idx="63">
                  <c:v>1.82</c:v>
                </c:pt>
                <c:pt idx="64">
                  <c:v>1.85</c:v>
                </c:pt>
                <c:pt idx="65">
                  <c:v>1.84</c:v>
                </c:pt>
                <c:pt idx="66">
                  <c:v>1.89</c:v>
                </c:pt>
                <c:pt idx="67">
                  <c:v>1.89</c:v>
                </c:pt>
                <c:pt idx="68">
                  <c:v>1.9</c:v>
                </c:pt>
                <c:pt idx="69">
                  <c:v>1.91</c:v>
                </c:pt>
                <c:pt idx="70">
                  <c:v>1.99</c:v>
                </c:pt>
                <c:pt idx="71">
                  <c:v>1.98</c:v>
                </c:pt>
                <c:pt idx="72">
                  <c:v>2.12</c:v>
                </c:pt>
                <c:pt idx="73">
                  <c:v>2.11</c:v>
                </c:pt>
                <c:pt idx="74">
                  <c:v>2.0699999999999998</c:v>
                </c:pt>
                <c:pt idx="75">
                  <c:v>2.15</c:v>
                </c:pt>
                <c:pt idx="76">
                  <c:v>2.1</c:v>
                </c:pt>
                <c:pt idx="77">
                  <c:v>2.1800000000000002</c:v>
                </c:pt>
                <c:pt idx="78">
                  <c:v>2.13</c:v>
                </c:pt>
                <c:pt idx="79">
                  <c:v>2.1800000000000002</c:v>
                </c:pt>
                <c:pt idx="80">
                  <c:v>2.2799999999999998</c:v>
                </c:pt>
                <c:pt idx="81">
                  <c:v>2.12</c:v>
                </c:pt>
                <c:pt idx="82">
                  <c:v>2.29</c:v>
                </c:pt>
                <c:pt idx="83">
                  <c:v>2.34</c:v>
                </c:pt>
                <c:pt idx="84">
                  <c:v>2.23</c:v>
                </c:pt>
                <c:pt idx="85">
                  <c:v>2.3199999999999998</c:v>
                </c:pt>
                <c:pt idx="86">
                  <c:v>2.36</c:v>
                </c:pt>
                <c:pt idx="87">
                  <c:v>2.35</c:v>
                </c:pt>
                <c:pt idx="88">
                  <c:v>2.54</c:v>
                </c:pt>
                <c:pt idx="89">
                  <c:v>2.46</c:v>
                </c:pt>
                <c:pt idx="90">
                  <c:v>2.4300000000000002</c:v>
                </c:pt>
                <c:pt idx="91">
                  <c:v>2.5</c:v>
                </c:pt>
                <c:pt idx="92">
                  <c:v>2.54</c:v>
                </c:pt>
                <c:pt idx="93">
                  <c:v>2.67</c:v>
                </c:pt>
                <c:pt idx="94">
                  <c:v>2.69</c:v>
                </c:pt>
                <c:pt idx="95">
                  <c:v>2.76</c:v>
                </c:pt>
                <c:pt idx="96">
                  <c:v>2.66</c:v>
                </c:pt>
                <c:pt idx="97">
                  <c:v>2.67</c:v>
                </c:pt>
                <c:pt idx="98">
                  <c:v>2.74</c:v>
                </c:pt>
                <c:pt idx="99">
                  <c:v>2.69</c:v>
                </c:pt>
                <c:pt idx="100">
                  <c:v>2.73</c:v>
                </c:pt>
                <c:pt idx="101">
                  <c:v>2.91</c:v>
                </c:pt>
                <c:pt idx="102">
                  <c:v>2.88</c:v>
                </c:pt>
                <c:pt idx="103">
                  <c:v>2.86</c:v>
                </c:pt>
                <c:pt idx="104">
                  <c:v>2.98</c:v>
                </c:pt>
                <c:pt idx="105">
                  <c:v>2.87</c:v>
                </c:pt>
                <c:pt idx="106">
                  <c:v>2.85</c:v>
                </c:pt>
                <c:pt idx="107">
                  <c:v>2.83</c:v>
                </c:pt>
                <c:pt idx="108">
                  <c:v>2.94</c:v>
                </c:pt>
                <c:pt idx="109">
                  <c:v>2.96</c:v>
                </c:pt>
                <c:pt idx="110">
                  <c:v>2.85</c:v>
                </c:pt>
                <c:pt idx="111">
                  <c:v>2.96</c:v>
                </c:pt>
                <c:pt idx="112">
                  <c:v>2.88</c:v>
                </c:pt>
                <c:pt idx="113">
                  <c:v>2.81</c:v>
                </c:pt>
                <c:pt idx="114">
                  <c:v>2.9</c:v>
                </c:pt>
                <c:pt idx="115">
                  <c:v>2.95</c:v>
                </c:pt>
                <c:pt idx="116">
                  <c:v>2.87</c:v>
                </c:pt>
                <c:pt idx="117">
                  <c:v>2.93</c:v>
                </c:pt>
                <c:pt idx="118">
                  <c:v>2.79</c:v>
                </c:pt>
                <c:pt idx="119">
                  <c:v>2.86</c:v>
                </c:pt>
                <c:pt idx="120">
                  <c:v>2.52</c:v>
                </c:pt>
                <c:pt idx="121">
                  <c:v>2.71</c:v>
                </c:pt>
                <c:pt idx="122">
                  <c:v>2.81</c:v>
                </c:pt>
                <c:pt idx="123">
                  <c:v>2.23</c:v>
                </c:pt>
                <c:pt idx="124">
                  <c:v>2.19</c:v>
                </c:pt>
                <c:pt idx="125">
                  <c:v>2.08</c:v>
                </c:pt>
                <c:pt idx="126">
                  <c:v>1.98</c:v>
                </c:pt>
                <c:pt idx="127">
                  <c:v>2.17</c:v>
                </c:pt>
                <c:pt idx="128">
                  <c:v>2.4300000000000002</c:v>
                </c:pt>
                <c:pt idx="129">
                  <c:v>2.0499999999999998</c:v>
                </c:pt>
              </c:numCache>
            </c:numRef>
          </c:val>
          <c:smooth val="0"/>
          <c:extLst>
            <c:ext xmlns:c16="http://schemas.microsoft.com/office/drawing/2014/chart" uri="{C3380CC4-5D6E-409C-BE32-E72D297353CC}">
              <c16:uniqueId val="{00000002-8E07-4D84-BF4C-2EDFCCABAF65}"/>
            </c:ext>
          </c:extLst>
        </c:ser>
        <c:ser>
          <c:idx val="1"/>
          <c:order val="1"/>
          <c:tx>
            <c:strRef>
              <c:f>まとめ!$A$5</c:f>
              <c:strCache>
                <c:ptCount val="1"/>
                <c:pt idx="0">
                  <c:v>新規求人倍率（全国）</c:v>
                </c:pt>
              </c:strCache>
            </c:strRef>
          </c:tx>
          <c:spPr>
            <a:ln>
              <a:prstDash val="sysDash"/>
            </a:ln>
          </c:spPr>
          <c:marker>
            <c:symbol val="none"/>
          </c:marker>
          <c:dLbls>
            <c:dLbl>
              <c:idx val="94"/>
              <c:layout>
                <c:manualLayout>
                  <c:x val="-0.20777573777044428"/>
                  <c:y val="-0.10596795504254097"/>
                </c:manualLayout>
              </c:layout>
              <c:tx>
                <c:rich>
                  <a:bodyPr wrap="square" lIns="38100" tIns="19050" rIns="38100" bIns="19050" anchor="ctr">
                    <a:spAutoFit/>
                  </a:bodyPr>
                  <a:lstStyle/>
                  <a:p>
                    <a:pPr>
                      <a:defRPr/>
                    </a:pPr>
                    <a:r>
                      <a:rPr lang="ja-JP" altLang="en-US" dirty="0"/>
                      <a:t>新規求人倍率（全国）</a:t>
                    </a: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ext>
                <c:ext xmlns:c16="http://schemas.microsoft.com/office/drawing/2014/chart" uri="{C3380CC4-5D6E-409C-BE32-E72D297353CC}">
                  <c16:uniqueId val="{00000003-8E07-4D84-BF4C-2EDFCCABAF65}"/>
                </c:ext>
              </c:extLst>
            </c:dLbl>
            <c:dLbl>
              <c:idx val="129"/>
              <c:layout>
                <c:manualLayout>
                  <c:x val="-2.3080430750043165E-2"/>
                  <c:y val="3.0345800774483848E-2"/>
                </c:manualLayout>
              </c:layout>
              <c:spPr>
                <a:noFill/>
                <a:ln>
                  <a:noFill/>
                </a:ln>
                <a:effectLst/>
              </c:spPr>
              <c:txPr>
                <a:bodyPr wrap="square" lIns="38100" tIns="19050" rIns="38100" bIns="19050" anchor="ctr">
                  <a:spAutoFit/>
                </a:bodyPr>
                <a:lstStyle/>
                <a:p>
                  <a:pPr>
                    <a:defRPr>
                      <a:latin typeface="ＭＳ Ｐゴシック" panose="020B0600070205080204" pitchFamily="50" charset="-128"/>
                      <a:ea typeface="ＭＳ Ｐゴシック" panose="020B0600070205080204" pitchFamily="50" charset="-128"/>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E07-4D84-BF4C-2EDFCCABAF6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A$3</c:f>
              <c:numCache>
                <c:formatCode>yyyy"年"m"月"</c:formatCode>
                <c:ptCount val="13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numCache>
            </c:numRef>
          </c:cat>
          <c:val>
            <c:numRef>
              <c:f>まとめ!$B$5:$EA$5</c:f>
              <c:numCache>
                <c:formatCode>0.00_ ;[Red]\-0.00\ </c:formatCode>
                <c:ptCount val="130"/>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4</c:v>
                </c:pt>
                <c:pt idx="49">
                  <c:v>1.69</c:v>
                </c:pt>
                <c:pt idx="50">
                  <c:v>1.63</c:v>
                </c:pt>
                <c:pt idx="51">
                  <c:v>1.63</c:v>
                </c:pt>
                <c:pt idx="52">
                  <c:v>1.63</c:v>
                </c:pt>
                <c:pt idx="53">
                  <c:v>1.65</c:v>
                </c:pt>
                <c:pt idx="54">
                  <c:v>1.67</c:v>
                </c:pt>
                <c:pt idx="55">
                  <c:v>1.65</c:v>
                </c:pt>
                <c:pt idx="56">
                  <c:v>1.66</c:v>
                </c:pt>
                <c:pt idx="57">
                  <c:v>1.69</c:v>
                </c:pt>
                <c:pt idx="58">
                  <c:v>1.69</c:v>
                </c:pt>
                <c:pt idx="59">
                  <c:v>1.75</c:v>
                </c:pt>
                <c:pt idx="60">
                  <c:v>1.77</c:v>
                </c:pt>
                <c:pt idx="61">
                  <c:v>1.72</c:v>
                </c:pt>
                <c:pt idx="62">
                  <c:v>1.76</c:v>
                </c:pt>
                <c:pt idx="63">
                  <c:v>1.76</c:v>
                </c:pt>
                <c:pt idx="64">
                  <c:v>1.76</c:v>
                </c:pt>
                <c:pt idx="65">
                  <c:v>1.79</c:v>
                </c:pt>
                <c:pt idx="66">
                  <c:v>1.83</c:v>
                </c:pt>
                <c:pt idx="67">
                  <c:v>1.84</c:v>
                </c:pt>
                <c:pt idx="68">
                  <c:v>1.86</c:v>
                </c:pt>
                <c:pt idx="69">
                  <c:v>1.84</c:v>
                </c:pt>
                <c:pt idx="70">
                  <c:v>1.89</c:v>
                </c:pt>
                <c:pt idx="71">
                  <c:v>1.89</c:v>
                </c:pt>
                <c:pt idx="72">
                  <c:v>2.0299999999999998</c:v>
                </c:pt>
                <c:pt idx="73">
                  <c:v>1.95</c:v>
                </c:pt>
                <c:pt idx="74">
                  <c:v>1.95</c:v>
                </c:pt>
                <c:pt idx="75">
                  <c:v>2.0299999999999998</c:v>
                </c:pt>
                <c:pt idx="76">
                  <c:v>2.04</c:v>
                </c:pt>
                <c:pt idx="77">
                  <c:v>2.0099999999999998</c:v>
                </c:pt>
                <c:pt idx="78">
                  <c:v>2.02</c:v>
                </c:pt>
                <c:pt idx="79">
                  <c:v>2.08</c:v>
                </c:pt>
                <c:pt idx="80">
                  <c:v>2.1</c:v>
                </c:pt>
                <c:pt idx="81">
                  <c:v>2.08</c:v>
                </c:pt>
                <c:pt idx="82">
                  <c:v>2.13</c:v>
                </c:pt>
                <c:pt idx="83">
                  <c:v>2.16</c:v>
                </c:pt>
                <c:pt idx="84">
                  <c:v>2.14</c:v>
                </c:pt>
                <c:pt idx="85">
                  <c:v>2.16</c:v>
                </c:pt>
                <c:pt idx="86">
                  <c:v>2.15</c:v>
                </c:pt>
                <c:pt idx="87">
                  <c:v>2.17</c:v>
                </c:pt>
                <c:pt idx="88">
                  <c:v>2.2799999999999998</c:v>
                </c:pt>
                <c:pt idx="89">
                  <c:v>2.23</c:v>
                </c:pt>
                <c:pt idx="90">
                  <c:v>2.25</c:v>
                </c:pt>
                <c:pt idx="91">
                  <c:v>2.23</c:v>
                </c:pt>
                <c:pt idx="92">
                  <c:v>2.27</c:v>
                </c:pt>
                <c:pt idx="93">
                  <c:v>2.34</c:v>
                </c:pt>
                <c:pt idx="94">
                  <c:v>2.34</c:v>
                </c:pt>
                <c:pt idx="95">
                  <c:v>2.41</c:v>
                </c:pt>
                <c:pt idx="96">
                  <c:v>2.35</c:v>
                </c:pt>
                <c:pt idx="97">
                  <c:v>2.3199999999999998</c:v>
                </c:pt>
                <c:pt idx="98">
                  <c:v>2.37</c:v>
                </c:pt>
                <c:pt idx="99">
                  <c:v>2.35</c:v>
                </c:pt>
                <c:pt idx="100">
                  <c:v>2.37</c:v>
                </c:pt>
                <c:pt idx="101">
                  <c:v>2.44</c:v>
                </c:pt>
                <c:pt idx="102">
                  <c:v>2.44</c:v>
                </c:pt>
                <c:pt idx="103">
                  <c:v>2.39</c:v>
                </c:pt>
                <c:pt idx="104">
                  <c:v>2.4900000000000002</c:v>
                </c:pt>
                <c:pt idx="105">
                  <c:v>2.4</c:v>
                </c:pt>
                <c:pt idx="106">
                  <c:v>2.4300000000000002</c:v>
                </c:pt>
                <c:pt idx="107">
                  <c:v>2.42</c:v>
                </c:pt>
                <c:pt idx="108">
                  <c:v>2.44</c:v>
                </c:pt>
                <c:pt idx="109">
                  <c:v>2.4500000000000002</c:v>
                </c:pt>
                <c:pt idx="110">
                  <c:v>2.4300000000000002</c:v>
                </c:pt>
                <c:pt idx="111">
                  <c:v>2.44</c:v>
                </c:pt>
                <c:pt idx="112">
                  <c:v>2.4</c:v>
                </c:pt>
                <c:pt idx="113">
                  <c:v>2.38</c:v>
                </c:pt>
                <c:pt idx="114">
                  <c:v>2.37</c:v>
                </c:pt>
                <c:pt idx="115">
                  <c:v>2.4300000000000002</c:v>
                </c:pt>
                <c:pt idx="116">
                  <c:v>2.35</c:v>
                </c:pt>
                <c:pt idx="117">
                  <c:v>2.4300000000000002</c:v>
                </c:pt>
                <c:pt idx="118">
                  <c:v>2.38</c:v>
                </c:pt>
                <c:pt idx="119">
                  <c:v>2.44</c:v>
                </c:pt>
                <c:pt idx="120">
                  <c:v>2.04</c:v>
                </c:pt>
                <c:pt idx="121">
                  <c:v>2.2200000000000002</c:v>
                </c:pt>
                <c:pt idx="122">
                  <c:v>2.2599999999999998</c:v>
                </c:pt>
                <c:pt idx="123">
                  <c:v>1.85</c:v>
                </c:pt>
                <c:pt idx="124">
                  <c:v>1.88</c:v>
                </c:pt>
                <c:pt idx="125">
                  <c:v>1.72</c:v>
                </c:pt>
                <c:pt idx="126">
                  <c:v>1.72</c:v>
                </c:pt>
                <c:pt idx="127">
                  <c:v>1.82</c:v>
                </c:pt>
                <c:pt idx="128">
                  <c:v>2.02</c:v>
                </c:pt>
                <c:pt idx="129">
                  <c:v>1.82</c:v>
                </c:pt>
              </c:numCache>
            </c:numRef>
          </c:val>
          <c:smooth val="0"/>
          <c:extLst>
            <c:ext xmlns:c16="http://schemas.microsoft.com/office/drawing/2014/chart" uri="{C3380CC4-5D6E-409C-BE32-E72D297353CC}">
              <c16:uniqueId val="{00000005-8E07-4D84-BF4C-2EDFCCABAF65}"/>
            </c:ext>
          </c:extLst>
        </c:ser>
        <c:ser>
          <c:idx val="2"/>
          <c:order val="2"/>
          <c:tx>
            <c:strRef>
              <c:f>まとめ!$A$6</c:f>
              <c:strCache>
                <c:ptCount val="1"/>
                <c:pt idx="0">
                  <c:v>有効求人倍率（大阪府）</c:v>
                </c:pt>
              </c:strCache>
            </c:strRef>
          </c:tx>
          <c:spPr>
            <a:ln cmpd="dbl">
              <a:prstDash val="solid"/>
            </a:ln>
          </c:spPr>
          <c:marker>
            <c:symbol val="none"/>
          </c:marker>
          <c:dLbls>
            <c:dLbl>
              <c:idx val="116"/>
              <c:layout>
                <c:manualLayout>
                  <c:x val="-0.11840085912206882"/>
                  <c:y val="-5.2173428953254733E-2"/>
                </c:manualLayout>
              </c:layout>
              <c:tx>
                <c:rich>
                  <a:bodyPr wrap="square" lIns="38100" tIns="19050" rIns="38100" bIns="19050" anchor="ctr">
                    <a:spAutoFit/>
                  </a:bodyPr>
                  <a:lstStyle/>
                  <a:p>
                    <a:pPr>
                      <a:defRPr>
                        <a:latin typeface="+mn-ea"/>
                        <a:ea typeface="+mn-ea"/>
                      </a:defRPr>
                    </a:pPr>
                    <a:r>
                      <a:rPr lang="ja-JP" altLang="en-US" baseline="0" dirty="0">
                        <a:latin typeface="+mn-ea"/>
                        <a:ea typeface="+mn-ea"/>
                      </a:rPr>
                      <a:t>有効求人倍率（大阪府）</a:t>
                    </a:r>
                    <a:endParaRPr lang="ja-JP" altLang="en-US" dirty="0">
                      <a:latin typeface="+mn-ea"/>
                      <a:ea typeface="+mn-ea"/>
                    </a:endParaRP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ext>
                <c:ext xmlns:c16="http://schemas.microsoft.com/office/drawing/2014/chart" uri="{C3380CC4-5D6E-409C-BE32-E72D297353CC}">
                  <c16:uniqueId val="{00000006-8E07-4D84-BF4C-2EDFCCABAF65}"/>
                </c:ext>
              </c:extLst>
            </c:dLbl>
            <c:dLbl>
              <c:idx val="129"/>
              <c:layout>
                <c:manualLayout>
                  <c:x val="-2.1474001307059485E-2"/>
                  <c:y val="-3.3296432472293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8E07-4D84-BF4C-2EDFCCABAF65}"/>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A$3</c:f>
              <c:numCache>
                <c:formatCode>yyyy"年"m"月"</c:formatCode>
                <c:ptCount val="13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numCache>
            </c:numRef>
          </c:cat>
          <c:val>
            <c:numRef>
              <c:f>まとめ!$B$6:$EA$6</c:f>
              <c:numCache>
                <c:formatCode>0.00_ ;[Red]\-0.00\ </c:formatCode>
                <c:ptCount val="130"/>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0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8</c:v>
                </c:pt>
                <c:pt idx="65">
                  <c:v>1.19</c:v>
                </c:pt>
                <c:pt idx="66">
                  <c:v>1.2</c:v>
                </c:pt>
                <c:pt idx="67">
                  <c:v>1.21</c:v>
                </c:pt>
                <c:pt idx="68">
                  <c:v>1.22</c:v>
                </c:pt>
                <c:pt idx="69">
                  <c:v>1.23</c:v>
                </c:pt>
                <c:pt idx="70">
                  <c:v>1.25</c:v>
                </c:pt>
                <c:pt idx="71">
                  <c:v>1.27</c:v>
                </c:pt>
                <c:pt idx="72">
                  <c:v>1.29</c:v>
                </c:pt>
                <c:pt idx="73">
                  <c:v>1.32</c:v>
                </c:pt>
                <c:pt idx="74">
                  <c:v>1.32</c:v>
                </c:pt>
                <c:pt idx="75">
                  <c:v>1.35</c:v>
                </c:pt>
                <c:pt idx="76">
                  <c:v>1.35</c:v>
                </c:pt>
                <c:pt idx="77">
                  <c:v>1.38</c:v>
                </c:pt>
                <c:pt idx="78">
                  <c:v>1.39</c:v>
                </c:pt>
                <c:pt idx="79">
                  <c:v>1.4</c:v>
                </c:pt>
                <c:pt idx="80">
                  <c:v>1.41</c:v>
                </c:pt>
                <c:pt idx="81">
                  <c:v>1.41</c:v>
                </c:pt>
                <c:pt idx="82">
                  <c:v>1.43</c:v>
                </c:pt>
                <c:pt idx="83">
                  <c:v>1.45</c:v>
                </c:pt>
                <c:pt idx="84">
                  <c:v>1.47</c:v>
                </c:pt>
                <c:pt idx="85">
                  <c:v>1.49</c:v>
                </c:pt>
                <c:pt idx="86">
                  <c:v>1.49</c:v>
                </c:pt>
                <c:pt idx="87">
                  <c:v>1.52</c:v>
                </c:pt>
                <c:pt idx="88">
                  <c:v>1.55</c:v>
                </c:pt>
                <c:pt idx="89">
                  <c:v>1.58</c:v>
                </c:pt>
                <c:pt idx="90">
                  <c:v>1.59</c:v>
                </c:pt>
                <c:pt idx="91">
                  <c:v>1.58</c:v>
                </c:pt>
                <c:pt idx="92">
                  <c:v>1.6</c:v>
                </c:pt>
                <c:pt idx="93">
                  <c:v>1.63</c:v>
                </c:pt>
                <c:pt idx="94">
                  <c:v>1.67</c:v>
                </c:pt>
                <c:pt idx="95">
                  <c:v>1.69</c:v>
                </c:pt>
                <c:pt idx="96">
                  <c:v>1.71</c:v>
                </c:pt>
                <c:pt idx="97">
                  <c:v>1.71</c:v>
                </c:pt>
                <c:pt idx="98">
                  <c:v>1.71</c:v>
                </c:pt>
                <c:pt idx="99">
                  <c:v>1.73</c:v>
                </c:pt>
                <c:pt idx="100">
                  <c:v>1.73</c:v>
                </c:pt>
                <c:pt idx="101">
                  <c:v>1.75</c:v>
                </c:pt>
                <c:pt idx="102">
                  <c:v>1.77</c:v>
                </c:pt>
                <c:pt idx="103">
                  <c:v>1.8</c:v>
                </c:pt>
                <c:pt idx="104">
                  <c:v>1.81</c:v>
                </c:pt>
                <c:pt idx="105">
                  <c:v>1.8</c:v>
                </c:pt>
                <c:pt idx="106">
                  <c:v>1.8</c:v>
                </c:pt>
                <c:pt idx="107">
                  <c:v>1.78</c:v>
                </c:pt>
                <c:pt idx="108">
                  <c:v>1.78</c:v>
                </c:pt>
                <c:pt idx="109">
                  <c:v>1.79</c:v>
                </c:pt>
                <c:pt idx="110">
                  <c:v>1.79</c:v>
                </c:pt>
                <c:pt idx="111">
                  <c:v>1.8</c:v>
                </c:pt>
                <c:pt idx="112">
                  <c:v>1.8</c:v>
                </c:pt>
                <c:pt idx="113">
                  <c:v>1.79</c:v>
                </c:pt>
                <c:pt idx="114">
                  <c:v>1.78</c:v>
                </c:pt>
                <c:pt idx="115">
                  <c:v>1.77</c:v>
                </c:pt>
                <c:pt idx="116">
                  <c:v>1.78</c:v>
                </c:pt>
                <c:pt idx="117">
                  <c:v>1.78</c:v>
                </c:pt>
                <c:pt idx="118">
                  <c:v>1.76</c:v>
                </c:pt>
                <c:pt idx="119">
                  <c:v>1.76</c:v>
                </c:pt>
                <c:pt idx="120">
                  <c:v>1.65</c:v>
                </c:pt>
                <c:pt idx="121">
                  <c:v>1.64</c:v>
                </c:pt>
                <c:pt idx="122">
                  <c:v>1.6</c:v>
                </c:pt>
                <c:pt idx="123">
                  <c:v>1.48</c:v>
                </c:pt>
                <c:pt idx="124">
                  <c:v>1.33</c:v>
                </c:pt>
                <c:pt idx="125">
                  <c:v>1.23</c:v>
                </c:pt>
                <c:pt idx="126">
                  <c:v>1.17</c:v>
                </c:pt>
                <c:pt idx="127">
                  <c:v>1.1399999999999999</c:v>
                </c:pt>
                <c:pt idx="128">
                  <c:v>1.1200000000000001</c:v>
                </c:pt>
                <c:pt idx="129">
                  <c:v>1.1000000000000001</c:v>
                </c:pt>
              </c:numCache>
            </c:numRef>
          </c:val>
          <c:smooth val="0"/>
          <c:extLst>
            <c:ext xmlns:c16="http://schemas.microsoft.com/office/drawing/2014/chart" uri="{C3380CC4-5D6E-409C-BE32-E72D297353CC}">
              <c16:uniqueId val="{00000008-8E07-4D84-BF4C-2EDFCCABAF65}"/>
            </c:ext>
          </c:extLst>
        </c:ser>
        <c:ser>
          <c:idx val="3"/>
          <c:order val="3"/>
          <c:tx>
            <c:strRef>
              <c:f>まとめ!$A$7</c:f>
              <c:strCache>
                <c:ptCount val="1"/>
                <c:pt idx="0">
                  <c:v>有効求人倍率（全国）</c:v>
                </c:pt>
              </c:strCache>
            </c:strRef>
          </c:tx>
          <c:spPr>
            <a:ln cmpd="dbl">
              <a:prstDash val="sysDash"/>
            </a:ln>
          </c:spPr>
          <c:marker>
            <c:symbol val="none"/>
          </c:marker>
          <c:dLbls>
            <c:dLbl>
              <c:idx val="100"/>
              <c:layout>
                <c:manualLayout>
                  <c:x val="-0.10758037351318567"/>
                  <c:y val="8.2913158147132571E-2"/>
                </c:manualLayout>
              </c:layout>
              <c:tx>
                <c:rich>
                  <a:bodyPr wrap="square" lIns="38100" tIns="19050" rIns="38100" bIns="19050" anchor="ctr">
                    <a:spAutoFit/>
                  </a:bodyPr>
                  <a:lstStyle/>
                  <a:p>
                    <a:pPr>
                      <a:defRPr>
                        <a:latin typeface="+mn-ea"/>
                        <a:ea typeface="+mn-ea"/>
                      </a:defRPr>
                    </a:pPr>
                    <a:r>
                      <a:rPr lang="zh-CN" altLang="en-US" dirty="0">
                        <a:latin typeface="ＭＳ Ｐゴシック" panose="020B0600070205080204" pitchFamily="50" charset="-128"/>
                        <a:ea typeface="ＭＳ Ｐゴシック" panose="020B0600070205080204" pitchFamily="50" charset="-128"/>
                      </a:rPr>
                      <a:t>有効求人倍率（全国）</a:t>
                    </a:r>
                  </a:p>
                </c:rich>
              </c:tx>
              <c:spPr>
                <a:solidFill>
                  <a:sysClr val="window" lastClr="FFFFFF"/>
                </a:solidFill>
                <a:ln>
                  <a:solidFill>
                    <a:sysClr val="windowText" lastClr="000000">
                      <a:lumMod val="65000"/>
                      <a:lumOff val="35000"/>
                    </a:sysClr>
                  </a:solidFill>
                </a:ln>
                <a:effectLst/>
              </c:spPr>
              <c:dLblPos val="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c15:spPr>
                </c:ext>
                <c:ext xmlns:c16="http://schemas.microsoft.com/office/drawing/2014/chart" uri="{C3380CC4-5D6E-409C-BE32-E72D297353CC}">
                  <c16:uniqueId val="{00000009-8E07-4D84-BF4C-2EDFCCABAF65}"/>
                </c:ext>
              </c:extLst>
            </c:dLbl>
            <c:dLbl>
              <c:idx val="129"/>
              <c:layout>
                <c:manualLayout>
                  <c:x val="-2.2085526549214553E-2"/>
                  <c:y val="3.29918481852775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E07-4D84-BF4C-2EDFCCABAF65}"/>
                </c:ext>
              </c:extLst>
            </c:dLbl>
            <c:spPr>
              <a:noFill/>
              <a:ln>
                <a:noFill/>
              </a:ln>
              <a:effectLst/>
            </c:spPr>
            <c:txPr>
              <a:bodyPr wrap="square" lIns="38100" tIns="19050" rIns="38100" bIns="19050" anchor="ctr">
                <a:spAutoFit/>
              </a:bodyPr>
              <a:lstStyle/>
              <a:p>
                <a:pPr>
                  <a:defRPr>
                    <a:latin typeface="+mn-ea"/>
                    <a:ea typeface="+mn-ea"/>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まとめ!$B$3:$EA$3</c:f>
              <c:numCache>
                <c:formatCode>yyyy"年"m"月"</c:formatCode>
                <c:ptCount val="130"/>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pt idx="112">
                  <c:v>43586</c:v>
                </c:pt>
                <c:pt idx="113">
                  <c:v>43617</c:v>
                </c:pt>
                <c:pt idx="114">
                  <c:v>43647</c:v>
                </c:pt>
                <c:pt idx="115">
                  <c:v>43678</c:v>
                </c:pt>
                <c:pt idx="116">
                  <c:v>43709</c:v>
                </c:pt>
                <c:pt idx="117">
                  <c:v>43739</c:v>
                </c:pt>
                <c:pt idx="118">
                  <c:v>43770</c:v>
                </c:pt>
                <c:pt idx="119">
                  <c:v>43800</c:v>
                </c:pt>
                <c:pt idx="120">
                  <c:v>43831</c:v>
                </c:pt>
                <c:pt idx="121">
                  <c:v>43862</c:v>
                </c:pt>
                <c:pt idx="122">
                  <c:v>43891</c:v>
                </c:pt>
                <c:pt idx="123">
                  <c:v>43922</c:v>
                </c:pt>
                <c:pt idx="124">
                  <c:v>43952</c:v>
                </c:pt>
                <c:pt idx="125">
                  <c:v>43983</c:v>
                </c:pt>
                <c:pt idx="126">
                  <c:v>44013</c:v>
                </c:pt>
                <c:pt idx="127">
                  <c:v>44044</c:v>
                </c:pt>
                <c:pt idx="128">
                  <c:v>44075</c:v>
                </c:pt>
                <c:pt idx="129">
                  <c:v>44105</c:v>
                </c:pt>
              </c:numCache>
            </c:numRef>
          </c:cat>
          <c:val>
            <c:numRef>
              <c:f>まとめ!$B$7:$EA$7</c:f>
              <c:numCache>
                <c:formatCode>0.00_ ;[Red]\-0.00\ </c:formatCode>
                <c:ptCount val="130"/>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6</c:v>
                </c:pt>
                <c:pt idx="50">
                  <c:v>1.07</c:v>
                </c:pt>
                <c:pt idx="51">
                  <c:v>1.08</c:v>
                </c:pt>
                <c:pt idx="52">
                  <c:v>1.0900000000000001</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5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3</c:v>
                </c:pt>
                <c:pt idx="74">
                  <c:v>1.31</c:v>
                </c:pt>
                <c:pt idx="75">
                  <c:v>1.33</c:v>
                </c:pt>
                <c:pt idx="76">
                  <c:v>1.35</c:v>
                </c:pt>
                <c:pt idx="77">
                  <c:v>1.36</c:v>
                </c:pt>
                <c:pt idx="78">
                  <c:v>1.36</c:v>
                </c:pt>
                <c:pt idx="79">
                  <c:v>1.37</c:v>
                </c:pt>
                <c:pt idx="80">
                  <c:v>1.39</c:v>
                </c:pt>
                <c:pt idx="81">
                  <c:v>1.4</c:v>
                </c:pt>
                <c:pt idx="82">
                  <c:v>1.41</c:v>
                </c:pt>
                <c:pt idx="83">
                  <c:v>1.42</c:v>
                </c:pt>
                <c:pt idx="84">
                  <c:v>1.43</c:v>
                </c:pt>
                <c:pt idx="85">
                  <c:v>1.45</c:v>
                </c:pt>
                <c:pt idx="86">
                  <c:v>1.45</c:v>
                </c:pt>
                <c:pt idx="87">
                  <c:v>1.48</c:v>
                </c:pt>
                <c:pt idx="88">
                  <c:v>1.49</c:v>
                </c:pt>
                <c:pt idx="89">
                  <c:v>1.5</c:v>
                </c:pt>
                <c:pt idx="90">
                  <c:v>1.51</c:v>
                </c:pt>
                <c:pt idx="91">
                  <c:v>1.52</c:v>
                </c:pt>
                <c:pt idx="92">
                  <c:v>1.53</c:v>
                </c:pt>
                <c:pt idx="93">
                  <c:v>1.55</c:v>
                </c:pt>
                <c:pt idx="94">
                  <c:v>1.56</c:v>
                </c:pt>
                <c:pt idx="95">
                  <c:v>1.58</c:v>
                </c:pt>
                <c:pt idx="96">
                  <c:v>1.59</c:v>
                </c:pt>
                <c:pt idx="97">
                  <c:v>1.59</c:v>
                </c:pt>
                <c:pt idx="98">
                  <c:v>1.59</c:v>
                </c:pt>
                <c:pt idx="99">
                  <c:v>1.6</c:v>
                </c:pt>
                <c:pt idx="100">
                  <c:v>1.6</c:v>
                </c:pt>
                <c:pt idx="101">
                  <c:v>1.61</c:v>
                </c:pt>
                <c:pt idx="102">
                  <c:v>1.62</c:v>
                </c:pt>
                <c:pt idx="103">
                  <c:v>1.63</c:v>
                </c:pt>
                <c:pt idx="104">
                  <c:v>1.63</c:v>
                </c:pt>
                <c:pt idx="105">
                  <c:v>1.63</c:v>
                </c:pt>
                <c:pt idx="106">
                  <c:v>1.63</c:v>
                </c:pt>
                <c:pt idx="107">
                  <c:v>1.62</c:v>
                </c:pt>
                <c:pt idx="108">
                  <c:v>1.63</c:v>
                </c:pt>
                <c:pt idx="109">
                  <c:v>1.63</c:v>
                </c:pt>
                <c:pt idx="110">
                  <c:v>1.62</c:v>
                </c:pt>
                <c:pt idx="111">
                  <c:v>1.63</c:v>
                </c:pt>
                <c:pt idx="112">
                  <c:v>1.62</c:v>
                </c:pt>
                <c:pt idx="113">
                  <c:v>1.61</c:v>
                </c:pt>
                <c:pt idx="114">
                  <c:v>1.59</c:v>
                </c:pt>
                <c:pt idx="115">
                  <c:v>1.59</c:v>
                </c:pt>
                <c:pt idx="116">
                  <c:v>1.58</c:v>
                </c:pt>
                <c:pt idx="117">
                  <c:v>1.58</c:v>
                </c:pt>
                <c:pt idx="118">
                  <c:v>1.57</c:v>
                </c:pt>
                <c:pt idx="119">
                  <c:v>1.57</c:v>
                </c:pt>
                <c:pt idx="120">
                  <c:v>1.49</c:v>
                </c:pt>
                <c:pt idx="121">
                  <c:v>1.45</c:v>
                </c:pt>
                <c:pt idx="122">
                  <c:v>1.39</c:v>
                </c:pt>
                <c:pt idx="123">
                  <c:v>1.32</c:v>
                </c:pt>
                <c:pt idx="124">
                  <c:v>1.2</c:v>
                </c:pt>
                <c:pt idx="125">
                  <c:v>1.1100000000000001</c:v>
                </c:pt>
                <c:pt idx="126">
                  <c:v>1.08</c:v>
                </c:pt>
                <c:pt idx="127">
                  <c:v>1.04</c:v>
                </c:pt>
                <c:pt idx="128">
                  <c:v>1.03</c:v>
                </c:pt>
                <c:pt idx="129">
                  <c:v>1.04</c:v>
                </c:pt>
              </c:numCache>
            </c:numRef>
          </c:val>
          <c:smooth val="0"/>
          <c:extLst>
            <c:ext xmlns:c16="http://schemas.microsoft.com/office/drawing/2014/chart" uri="{C3380CC4-5D6E-409C-BE32-E72D297353CC}">
              <c16:uniqueId val="{0000000B-8E07-4D84-BF4C-2EDFCCABAF65}"/>
            </c:ext>
          </c:extLst>
        </c:ser>
        <c:dLbls>
          <c:showLegendKey val="0"/>
          <c:showVal val="0"/>
          <c:showCatName val="0"/>
          <c:showSerName val="0"/>
          <c:showPercent val="0"/>
          <c:showBubbleSize val="0"/>
        </c:dLbls>
        <c:smooth val="0"/>
        <c:axId val="71874048"/>
        <c:axId val="71875584"/>
      </c:lineChart>
      <c:dateAx>
        <c:axId val="71874048"/>
        <c:scaling>
          <c:orientation val="minMax"/>
          <c:max val="44105"/>
        </c:scaling>
        <c:delete val="0"/>
        <c:axPos val="b"/>
        <c:numFmt formatCode="yyyy&quot;年&quot;m&quot;月&quot;" sourceLinked="1"/>
        <c:majorTickMark val="none"/>
        <c:minorTickMark val="none"/>
        <c:tickLblPos val="nextTo"/>
        <c:crossAx val="71875584"/>
        <c:crosses val="autoZero"/>
        <c:auto val="1"/>
        <c:lblOffset val="100"/>
        <c:baseTimeUnit val="months"/>
        <c:majorUnit val="6"/>
        <c:majorTimeUnit val="months"/>
      </c:dateAx>
      <c:valAx>
        <c:axId val="71875584"/>
        <c:scaling>
          <c:orientation val="minMax"/>
        </c:scaling>
        <c:delete val="0"/>
        <c:axPos val="l"/>
        <c:majorGridlines/>
        <c:title>
          <c:tx>
            <c:rich>
              <a:bodyPr rot="0" vert="horz"/>
              <a:lstStyle/>
              <a:p>
                <a:pPr>
                  <a:defRPr/>
                </a:pPr>
                <a:r>
                  <a:rPr lang="ja-JP" altLang="en-US" sz="800"/>
                  <a:t>（季節調整済、倍）</a:t>
                </a:r>
              </a:p>
            </c:rich>
          </c:tx>
          <c:layout>
            <c:manualLayout>
              <c:xMode val="edge"/>
              <c:yMode val="edge"/>
              <c:x val="0"/>
              <c:y val="6.8217389186452987E-3"/>
            </c:manualLayout>
          </c:layout>
          <c:overlay val="0"/>
        </c:title>
        <c:numFmt formatCode="0.00_ ;[Red]\-0.00\ " sourceLinked="1"/>
        <c:majorTickMark val="none"/>
        <c:minorTickMark val="none"/>
        <c:tickLblPos val="nextTo"/>
        <c:crossAx val="71874048"/>
        <c:crosses val="autoZero"/>
        <c:crossBetween val="between"/>
      </c:valAx>
    </c:plotArea>
    <c:plotVisOnly val="1"/>
    <c:dispBlanksAs val="gap"/>
    <c:showDLblsOverMax val="0"/>
  </c:chart>
  <c:externalData r:id="rId1">
    <c:autoUpdate val="0"/>
  </c:externalData>
</c:chartSpace>
</file>

<file path=ppt/charts/chart9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列3</c:v>
                </c:pt>
              </c:strCache>
            </c:strRef>
          </c:tx>
          <c:spPr>
            <a:solidFill>
              <a:schemeClr val="accent1"/>
            </a:solidFill>
            <a:ln w="0">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2</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Sheet1!$B$2:$B$12</c:f>
              <c:numCache>
                <c:formatCode>General</c:formatCode>
                <c:ptCount val="11"/>
                <c:pt idx="0">
                  <c:v>4.3</c:v>
                </c:pt>
                <c:pt idx="1">
                  <c:v>5.2</c:v>
                </c:pt>
                <c:pt idx="2">
                  <c:v>5.9</c:v>
                </c:pt>
                <c:pt idx="3">
                  <c:v>6.4</c:v>
                </c:pt>
                <c:pt idx="4">
                  <c:v>6.8</c:v>
                </c:pt>
                <c:pt idx="5">
                  <c:v>6.7</c:v>
                </c:pt>
                <c:pt idx="6">
                  <c:v>6.7</c:v>
                </c:pt>
                <c:pt idx="7">
                  <c:v>7.4</c:v>
                </c:pt>
                <c:pt idx="8">
                  <c:v>6.9</c:v>
                </c:pt>
                <c:pt idx="9">
                  <c:v>7.3</c:v>
                </c:pt>
                <c:pt idx="10">
                  <c:v>9.1999999999999993</c:v>
                </c:pt>
              </c:numCache>
            </c:numRef>
          </c:val>
          <c:extLst>
            <c:ext xmlns:c16="http://schemas.microsoft.com/office/drawing/2014/chart" uri="{C3380CC4-5D6E-409C-BE32-E72D297353CC}">
              <c16:uniqueId val="{00000000-EFDA-4262-8E8D-909B7B3843FF}"/>
            </c:ext>
          </c:extLst>
        </c:ser>
        <c:dLbls>
          <c:showLegendKey val="0"/>
          <c:showVal val="0"/>
          <c:showCatName val="0"/>
          <c:showSerName val="0"/>
          <c:showPercent val="0"/>
          <c:showBubbleSize val="0"/>
        </c:dLbls>
        <c:gapWidth val="219"/>
        <c:overlap val="-27"/>
        <c:axId val="440001440"/>
        <c:axId val="439983552"/>
      </c:barChart>
      <c:catAx>
        <c:axId val="440001440"/>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39983552"/>
        <c:crosses val="autoZero"/>
        <c:auto val="1"/>
        <c:lblAlgn val="ctr"/>
        <c:lblOffset val="100"/>
        <c:noMultiLvlLbl val="0"/>
      </c:catAx>
      <c:valAx>
        <c:axId val="439983552"/>
        <c:scaling>
          <c:orientation val="minMax"/>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crossAx val="44000144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阪神港合計（全国との比較）新'!$C$18:$C$19</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0"/>
              <c:layout>
                <c:manualLayout>
                  <c:x val="-4.8541776027996489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DA2-46BC-9F58-7C009F0F15A1}"/>
                </c:ext>
              </c:extLst>
            </c:dLbl>
            <c:dLbl>
              <c:idx val="1"/>
              <c:layout>
                <c:manualLayout>
                  <c:x val="-4.8541776027996524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DA2-46BC-9F58-7C009F0F15A1}"/>
                </c:ext>
              </c:extLst>
            </c:dLbl>
            <c:dLbl>
              <c:idx val="2"/>
              <c:layout>
                <c:manualLayout>
                  <c:x val="-4.8541776027996503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DA2-46BC-9F58-7C009F0F15A1}"/>
                </c:ext>
              </c:extLst>
            </c:dLbl>
            <c:dLbl>
              <c:idx val="3"/>
              <c:layout>
                <c:manualLayout>
                  <c:x val="-4.8541776027996503E-2"/>
                  <c:y val="2.8599933588281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DA2-46BC-9F58-7C009F0F15A1}"/>
                </c:ext>
              </c:extLst>
            </c:dLbl>
            <c:dLbl>
              <c:idx val="4"/>
              <c:layout>
                <c:manualLayout>
                  <c:x val="-4.85417760279966E-2"/>
                  <c:y val="-6.66381902176798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DA2-46BC-9F58-7C009F0F15A1}"/>
                </c:ext>
              </c:extLst>
            </c:dLbl>
            <c:dLbl>
              <c:idx val="6"/>
              <c:layout>
                <c:manualLayout>
                  <c:x val="-4.8541776027996503E-2"/>
                  <c:y val="-7.42572401221568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DA2-46BC-9F58-7C009F0F15A1}"/>
                </c:ext>
              </c:extLst>
            </c:dLbl>
            <c:dLbl>
              <c:idx val="7"/>
              <c:layout>
                <c:manualLayout>
                  <c:x val="-4.85417760279966E-2"/>
                  <c:y val="-6.2828665265441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DA2-46BC-9F58-7C009F0F15A1}"/>
                </c:ext>
              </c:extLst>
            </c:dLbl>
            <c:dLbl>
              <c:idx val="8"/>
              <c:layout>
                <c:manualLayout>
                  <c:x val="-4.298622047244105E-2"/>
                  <c:y val="5.14570833017122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C$20:$C$28</c:f>
              <c:numCache>
                <c:formatCode>#,##0.0;[Red]\-#,##0.0</c:formatCode>
                <c:ptCount val="9"/>
                <c:pt idx="0">
                  <c:v>12.848698611</c:v>
                </c:pt>
                <c:pt idx="1">
                  <c:v>13.146248044</c:v>
                </c:pt>
                <c:pt idx="2">
                  <c:v>15.512946842</c:v>
                </c:pt>
                <c:pt idx="3">
                  <c:v>17.141625014999999</c:v>
                </c:pt>
                <c:pt idx="4">
                  <c:v>17.611885441999998</c:v>
                </c:pt>
                <c:pt idx="5">
                  <c:v>16.407729</c:v>
                </c:pt>
                <c:pt idx="6">
                  <c:v>17.563213999999999</c:v>
                </c:pt>
                <c:pt idx="7">
                  <c:v>17.695205000000001</c:v>
                </c:pt>
                <c:pt idx="8">
                  <c:v>17.3</c:v>
                </c:pt>
              </c:numCache>
            </c:numRef>
          </c:val>
          <c:smooth val="0"/>
          <c:extLst>
            <c:ext xmlns:c16="http://schemas.microsoft.com/office/drawing/2014/chart" uri="{C3380CC4-5D6E-409C-BE32-E72D297353CC}">
              <c16:uniqueId val="{00000008-1DA2-46BC-9F58-7C009F0F15A1}"/>
            </c:ext>
          </c:extLst>
        </c:ser>
        <c:ser>
          <c:idx val="1"/>
          <c:order val="1"/>
          <c:tx>
            <c:strRef>
              <c:f>'阪神港合計（全国との比較）新'!$D$18:$D$19</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0"/>
              <c:layout>
                <c:manualLayout>
                  <c:x val="-4.8541776027996489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DA2-46BC-9F58-7C009F0F15A1}"/>
                </c:ext>
              </c:extLst>
            </c:dLbl>
            <c:dLbl>
              <c:idx val="1"/>
              <c:layout>
                <c:manualLayout>
                  <c:x val="-4.8541776027996524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DA2-46BC-9F58-7C009F0F15A1}"/>
                </c:ext>
              </c:extLst>
            </c:dLbl>
            <c:dLbl>
              <c:idx val="2"/>
              <c:layout>
                <c:manualLayout>
                  <c:x val="-4.8541776027996503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DA2-46BC-9F58-7C009F0F15A1}"/>
                </c:ext>
              </c:extLst>
            </c:dLbl>
            <c:dLbl>
              <c:idx val="3"/>
              <c:layout>
                <c:manualLayout>
                  <c:x val="-4.8541776027996503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DA2-46BC-9F58-7C009F0F15A1}"/>
                </c:ext>
              </c:extLst>
            </c:dLbl>
            <c:dLbl>
              <c:idx val="4"/>
              <c:layout>
                <c:manualLayout>
                  <c:x val="-4.85417760279966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DA2-46BC-9F58-7C009F0F15A1}"/>
                </c:ext>
              </c:extLst>
            </c:dLbl>
            <c:dLbl>
              <c:idx val="5"/>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DA2-46BC-9F58-7C009F0F15A1}"/>
                </c:ext>
              </c:extLst>
            </c:dLbl>
            <c:dLbl>
              <c:idx val="6"/>
              <c:layout>
                <c:manualLayout>
                  <c:x val="-4.8541776027996503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DA2-46BC-9F58-7C009F0F15A1}"/>
                </c:ext>
              </c:extLst>
            </c:dLbl>
            <c:dLbl>
              <c:idx val="7"/>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DA2-46BC-9F58-7C009F0F15A1}"/>
                </c:ext>
              </c:extLst>
            </c:dLbl>
            <c:dLbl>
              <c:idx val="8"/>
              <c:layout>
                <c:manualLayout>
                  <c:x val="-4.85417760279966E-2"/>
                  <c:y val="-4.37810405042491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D$20:$D$28</c:f>
              <c:numCache>
                <c:formatCode>#,##0.0;[Red]\-#,##0.0</c:formatCode>
                <c:ptCount val="9"/>
                <c:pt idx="0">
                  <c:v>10.783920621000002</c:v>
                </c:pt>
                <c:pt idx="1">
                  <c:v>10.444352771</c:v>
                </c:pt>
                <c:pt idx="2">
                  <c:v>10.921656295</c:v>
                </c:pt>
                <c:pt idx="3">
                  <c:v>11.734936657</c:v>
                </c:pt>
                <c:pt idx="4">
                  <c:v>12.153947748</c:v>
                </c:pt>
                <c:pt idx="5">
                  <c:v>10.684555</c:v>
                </c:pt>
                <c:pt idx="6">
                  <c:v>11.310777</c:v>
                </c:pt>
                <c:pt idx="7">
                  <c:v>12.472459000000001</c:v>
                </c:pt>
                <c:pt idx="8">
                  <c:v>11.8</c:v>
                </c:pt>
              </c:numCache>
            </c:numRef>
          </c:val>
          <c:smooth val="0"/>
          <c:extLst>
            <c:ext xmlns:c16="http://schemas.microsoft.com/office/drawing/2014/chart" uri="{C3380CC4-5D6E-409C-BE32-E72D297353CC}">
              <c16:uniqueId val="{00000012-1DA2-46BC-9F58-7C009F0F15A1}"/>
            </c:ext>
          </c:extLst>
        </c:ser>
        <c:ser>
          <c:idx val="2"/>
          <c:order val="2"/>
          <c:tx>
            <c:strRef>
              <c:f>'阪神港合計（全国との比較）新'!$E$18:$E$19</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2"/>
              <c:layout>
                <c:manualLayout>
                  <c:x val="-4.8541776027996503E-2"/>
                  <c:y val="2.09808836838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1DA2-46BC-9F58-7C009F0F15A1}"/>
                </c:ext>
              </c:extLst>
            </c:dLbl>
            <c:dLbl>
              <c:idx val="3"/>
              <c:layout>
                <c:manualLayout>
                  <c:x val="-4.8541776027996503E-2"/>
                  <c:y val="-5.901914031320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1DA2-46BC-9F58-7C009F0F15A1}"/>
                </c:ext>
              </c:extLst>
            </c:dLbl>
            <c:dLbl>
              <c:idx val="4"/>
              <c:layout>
                <c:manualLayout>
                  <c:x val="-5.1319553805774382E-2"/>
                  <c:y val="-2.85429406952952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1DA2-46BC-9F58-7C009F0F15A1}"/>
                </c:ext>
              </c:extLst>
            </c:dLbl>
            <c:dLbl>
              <c:idx val="5"/>
              <c:layout>
                <c:manualLayout>
                  <c:x val="-5.1319553805774382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1DA2-46BC-9F58-7C009F0F15A1}"/>
                </c:ext>
              </c:extLst>
            </c:dLbl>
            <c:dLbl>
              <c:idx val="6"/>
              <c:layout>
                <c:manualLayout>
                  <c:x val="-4.8541776027996503E-2"/>
                  <c:y val="3.2409458540519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1DA2-46BC-9F58-7C009F0F15A1}"/>
                </c:ext>
              </c:extLst>
            </c:dLbl>
            <c:dLbl>
              <c:idx val="7"/>
              <c:layout>
                <c:manualLayout>
                  <c:x val="-4.5763998250218825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1DA2-46BC-9F58-7C009F0F15A1}"/>
                </c:ext>
              </c:extLst>
            </c:dLbl>
            <c:dLbl>
              <c:idx val="8"/>
              <c:layout>
                <c:manualLayout>
                  <c:x val="-9.6528871391076115E-3"/>
                  <c:y val="5.742783874850788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3"/>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E$20:$E$28</c:f>
              <c:numCache>
                <c:formatCode>#,##0.0;[Red]\-#,##0.0</c:formatCode>
                <c:ptCount val="9"/>
                <c:pt idx="0">
                  <c:v>13.447903579</c:v>
                </c:pt>
                <c:pt idx="1">
                  <c:v>14.315100737</c:v>
                </c:pt>
                <c:pt idx="2">
                  <c:v>16.310327348999998</c:v>
                </c:pt>
                <c:pt idx="3">
                  <c:v>17.091267370000001</c:v>
                </c:pt>
                <c:pt idx="4">
                  <c:v>16.870564212000001</c:v>
                </c:pt>
                <c:pt idx="5">
                  <c:v>15.225889</c:v>
                </c:pt>
                <c:pt idx="6">
                  <c:v>16.607773999999999</c:v>
                </c:pt>
                <c:pt idx="7">
                  <c:v>17.821356999999999</c:v>
                </c:pt>
                <c:pt idx="8">
                  <c:v>17.399999999999999</c:v>
                </c:pt>
              </c:numCache>
            </c:numRef>
          </c:val>
          <c:smooth val="0"/>
          <c:extLst>
            <c:ext xmlns:c16="http://schemas.microsoft.com/office/drawing/2014/chart" uri="{C3380CC4-5D6E-409C-BE32-E72D297353CC}">
              <c16:uniqueId val="{0000001A-1DA2-46BC-9F58-7C009F0F15A1}"/>
            </c:ext>
          </c:extLst>
        </c:ser>
        <c:ser>
          <c:idx val="3"/>
          <c:order val="3"/>
          <c:tx>
            <c:strRef>
              <c:f>'阪神港合計（全国との比較）新'!$F$18:$F$19</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0"/>
              <c:layout>
                <c:manualLayout>
                  <c:x val="-4.2208442694663166E-2"/>
                  <c:y val="2.47904086360429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1DA2-46BC-9F58-7C009F0F15A1}"/>
                </c:ext>
              </c:extLst>
            </c:dLbl>
            <c:dLbl>
              <c:idx val="1"/>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1DA2-46BC-9F58-7C009F0F15A1}"/>
                </c:ext>
              </c:extLst>
            </c:dLbl>
            <c:dLbl>
              <c:idx val="2"/>
              <c:layout>
                <c:manualLayout>
                  <c:x val="-4.2208442694663166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1DA2-46BC-9F58-7C009F0F15A1}"/>
                </c:ext>
              </c:extLst>
            </c:dLbl>
            <c:dLbl>
              <c:idx val="3"/>
              <c:layout>
                <c:manualLayout>
                  <c:x val="-4.2208442694663166E-2"/>
                  <c:y val="3.2409458540519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1DA2-46BC-9F58-7C009F0F15A1}"/>
                </c:ext>
              </c:extLst>
            </c:dLbl>
            <c:dLbl>
              <c:idx val="4"/>
              <c:layout>
                <c:manualLayout>
                  <c:x val="-4.220844269466327E-2"/>
                  <c:y val="4.3838033397235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1DA2-46BC-9F58-7C009F0F15A1}"/>
                </c:ext>
              </c:extLst>
            </c:dLbl>
            <c:dLbl>
              <c:idx val="5"/>
              <c:layout>
                <c:manualLayout>
                  <c:x val="-4.4986220472440948E-2"/>
                  <c:y val="4.00285084449969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1DA2-46BC-9F58-7C009F0F15A1}"/>
                </c:ext>
              </c:extLst>
            </c:dLbl>
            <c:dLbl>
              <c:idx val="6"/>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1DA2-46BC-9F58-7C009F0F15A1}"/>
                </c:ext>
              </c:extLst>
            </c:dLbl>
            <c:dLbl>
              <c:idx val="7"/>
              <c:layout>
                <c:manualLayout>
                  <c:x val="-4.220844269466327E-2"/>
                  <c:y val="3.62189834927584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1DA2-46BC-9F58-7C009F0F15A1}"/>
                </c:ext>
              </c:extLst>
            </c:dLbl>
            <c:dLbl>
              <c:idx val="8"/>
              <c:layout>
                <c:manualLayout>
                  <c:x val="-4.4986220472440948E-2"/>
                  <c:y val="4.38380333972352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4"/>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F$20:$F$28</c:f>
              <c:numCache>
                <c:formatCode>#,##0.0;[Red]\-#,##0.0</c:formatCode>
                <c:ptCount val="9"/>
                <c:pt idx="0">
                  <c:v>7.3289989999999996</c:v>
                </c:pt>
                <c:pt idx="1">
                  <c:v>6.9200390000000001</c:v>
                </c:pt>
                <c:pt idx="2">
                  <c:v>7.8655889999999999</c:v>
                </c:pt>
                <c:pt idx="3">
                  <c:v>8.4101789999999994</c:v>
                </c:pt>
                <c:pt idx="4">
                  <c:v>8.4211510000000001</c:v>
                </c:pt>
                <c:pt idx="5">
                  <c:v>7.4856809999999996</c:v>
                </c:pt>
                <c:pt idx="6">
                  <c:v>8.4295039999999997</c:v>
                </c:pt>
                <c:pt idx="7">
                  <c:v>9.2139930000000003</c:v>
                </c:pt>
                <c:pt idx="8">
                  <c:v>8.5500000000000007</c:v>
                </c:pt>
              </c:numCache>
            </c:numRef>
          </c:val>
          <c:smooth val="0"/>
          <c:extLst>
            <c:ext xmlns:c16="http://schemas.microsoft.com/office/drawing/2014/chart" uri="{C3380CC4-5D6E-409C-BE32-E72D297353CC}">
              <c16:uniqueId val="{00000024-1DA2-46BC-9F58-7C009F0F15A1}"/>
            </c:ext>
          </c:extLst>
        </c:ser>
        <c:ser>
          <c:idx val="4"/>
          <c:order val="4"/>
          <c:tx>
            <c:strRef>
              <c:f>'阪神港合計（全国との比較）新'!$G$18:$G$19</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4"/>
              <c:layout>
                <c:manualLayout>
                  <c:x val="-3.9430664916885488E-2"/>
                  <c:y val="-5.90191403132028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1DA2-46BC-9F58-7C009F0F15A1}"/>
                </c:ext>
              </c:extLst>
            </c:dLbl>
            <c:dLbl>
              <c:idx val="8"/>
              <c:layout>
                <c:manualLayout>
                  <c:x val="-4.4986220472440948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G$20:$G$28</c:f>
              <c:numCache>
                <c:formatCode>#,##0.0;[Red]\-#,##0.0</c:formatCode>
                <c:ptCount val="9"/>
                <c:pt idx="0">
                  <c:v>8.0802381660000009</c:v>
                </c:pt>
                <c:pt idx="1">
                  <c:v>7.6334321129999996</c:v>
                </c:pt>
                <c:pt idx="2">
                  <c:v>8.1639844589999999</c:v>
                </c:pt>
                <c:pt idx="3">
                  <c:v>8.6273696400000013</c:v>
                </c:pt>
                <c:pt idx="4">
                  <c:v>8.8170355540000003</c:v>
                </c:pt>
                <c:pt idx="5">
                  <c:v>8.0108709999999999</c:v>
                </c:pt>
                <c:pt idx="6">
                  <c:v>8.8672769999999996</c:v>
                </c:pt>
                <c:pt idx="7">
                  <c:v>9.2583660000000005</c:v>
                </c:pt>
                <c:pt idx="8">
                  <c:v>8.86</c:v>
                </c:pt>
              </c:numCache>
            </c:numRef>
          </c:val>
          <c:smooth val="0"/>
          <c:extLst>
            <c:ext xmlns:c16="http://schemas.microsoft.com/office/drawing/2014/chart" uri="{C3380CC4-5D6E-409C-BE32-E72D297353CC}">
              <c16:uniqueId val="{00000027-1DA2-46BC-9F58-7C009F0F15A1}"/>
            </c:ext>
          </c:extLst>
        </c:ser>
        <c:ser>
          <c:idx val="5"/>
          <c:order val="5"/>
          <c:tx>
            <c:strRef>
              <c:f>'阪神港合計（全国との比較）新'!$H$18:$H$19</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2"/>
              <c:layout>
                <c:manualLayout>
                  <c:x val="-4.8541776027996503E-2"/>
                  <c:y val="-4.75905654564875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1DA2-46BC-9F58-7C009F0F15A1}"/>
                </c:ext>
              </c:extLst>
            </c:dLbl>
            <c:dLbl>
              <c:idx val="3"/>
              <c:layout>
                <c:manualLayout>
                  <c:x val="-4.8541776027996503E-2"/>
                  <c:y val="-3.997151555201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1DA2-46BC-9F58-7C009F0F15A1}"/>
                </c:ext>
              </c:extLst>
            </c:dLbl>
            <c:dLbl>
              <c:idx val="4"/>
              <c:layout>
                <c:manualLayout>
                  <c:x val="-4.85417760279966E-2"/>
                  <c:y val="3.62189834927584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1DA2-46BC-9F58-7C009F0F15A1}"/>
                </c:ext>
              </c:extLst>
            </c:dLbl>
            <c:dLbl>
              <c:idx val="5"/>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1DA2-46BC-9F58-7C009F0F15A1}"/>
                </c:ext>
              </c:extLst>
            </c:dLbl>
            <c:dLbl>
              <c:idx val="6"/>
              <c:layout>
                <c:manualLayout>
                  <c:x val="-4.8541776027996503E-2"/>
                  <c:y val="-7.80667650743952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1DA2-46BC-9F58-7C009F0F15A1}"/>
                </c:ext>
              </c:extLst>
            </c:dLbl>
            <c:dLbl>
              <c:idx val="7"/>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6"/>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阪神港合計（全国との比較）新'!$H$20:$H$28</c:f>
              <c:numCache>
                <c:formatCode>#,##0.0;[Red]\-#,##0.0</c:formatCode>
                <c:ptCount val="9"/>
                <c:pt idx="0">
                  <c:v>15.409237166</c:v>
                </c:pt>
                <c:pt idx="1">
                  <c:v>14.553471113000001</c:v>
                </c:pt>
                <c:pt idx="2">
                  <c:v>16.029573458999998</c:v>
                </c:pt>
                <c:pt idx="3">
                  <c:v>17.037548640000001</c:v>
                </c:pt>
                <c:pt idx="4">
                  <c:v>17.238186554000002</c:v>
                </c:pt>
                <c:pt idx="5">
                  <c:v>15.496551999999999</c:v>
                </c:pt>
                <c:pt idx="6">
                  <c:v>17.296780999999999</c:v>
                </c:pt>
                <c:pt idx="7">
                  <c:v>18.472359000000001</c:v>
                </c:pt>
                <c:pt idx="8">
                  <c:v>17.41</c:v>
                </c:pt>
              </c:numCache>
            </c:numRef>
          </c:val>
          <c:smooth val="0"/>
          <c:extLst>
            <c:ext xmlns:c16="http://schemas.microsoft.com/office/drawing/2014/chart" uri="{C3380CC4-5D6E-409C-BE32-E72D297353CC}">
              <c16:uniqueId val="{0000002E-1DA2-46BC-9F58-7C009F0F15A1}"/>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Red]\-#,##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9.166666666666666E-2"/>
          <c:y val="0.861550886823262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2.60791439531597E-2"/>
          <c:w val="0.88337270341207352"/>
          <c:h val="0.7594263876709102"/>
        </c:manualLayout>
      </c:layout>
      <c:lineChart>
        <c:grouping val="standard"/>
        <c:varyColors val="0"/>
        <c:ser>
          <c:idx val="0"/>
          <c:order val="0"/>
          <c:tx>
            <c:strRef>
              <c:f>外貿コンテナ個数!$V$3</c:f>
              <c:strCache>
                <c:ptCount val="1"/>
                <c:pt idx="0">
                  <c:v>東京港</c:v>
                </c:pt>
              </c:strCache>
            </c:strRef>
          </c:tx>
          <c:marker>
            <c:symbol val="diamond"/>
            <c:size val="6"/>
          </c:marker>
          <c:dLbls>
            <c:dLbl>
              <c:idx val="0"/>
              <c:layout>
                <c:manualLayout>
                  <c:x val="-5.91980013193538E-2"/>
                  <c:y val="3.94966013863651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0DB-45CD-9DB6-4D592FF80242}"/>
                </c:ext>
              </c:extLst>
            </c:dLbl>
            <c:dLbl>
              <c:idx val="1"/>
              <c:layout>
                <c:manualLayout>
                  <c:x val="-5.5632938930761995E-2"/>
                  <c:y val="3.189926045569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0DB-45CD-9DB6-4D592FF80242}"/>
                </c:ext>
              </c:extLst>
            </c:dLbl>
            <c:spPr>
              <a:noFill/>
              <a:ln>
                <a:noFill/>
              </a:ln>
              <a:effectLst/>
            </c:spPr>
            <c:txPr>
              <a:bodyPr/>
              <a:lstStyle/>
              <a:p>
                <a:pPr>
                  <a:defRPr>
                    <a:solidFill>
                      <a:schemeClr val="tx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V$4:$V$12</c:f>
              <c:numCache>
                <c:formatCode>0</c:formatCode>
                <c:ptCount val="9"/>
                <c:pt idx="0">
                  <c:v>414.3553</c:v>
                </c:pt>
                <c:pt idx="1">
                  <c:v>423.52640000000002</c:v>
                </c:pt>
                <c:pt idx="2">
                  <c:v>435.33940000000001</c:v>
                </c:pt>
                <c:pt idx="3">
                  <c:v>438.98540000000003</c:v>
                </c:pt>
                <c:pt idx="4">
                  <c:v>414.95069999999998</c:v>
                </c:pt>
                <c:pt idx="5">
                  <c:v>425.06470000000002</c:v>
                </c:pt>
                <c:pt idx="6">
                  <c:v>450.01560000000001</c:v>
                </c:pt>
                <c:pt idx="7">
                  <c:v>457.0795</c:v>
                </c:pt>
                <c:pt idx="8">
                  <c:v>451</c:v>
                </c:pt>
              </c:numCache>
            </c:numRef>
          </c:val>
          <c:smooth val="0"/>
          <c:extLst>
            <c:ext xmlns:c16="http://schemas.microsoft.com/office/drawing/2014/chart" uri="{C3380CC4-5D6E-409C-BE32-E72D297353CC}">
              <c16:uniqueId val="{00000002-E0DB-45CD-9DB6-4D592FF80242}"/>
            </c:ext>
          </c:extLst>
        </c:ser>
        <c:ser>
          <c:idx val="1"/>
          <c:order val="1"/>
          <c:tx>
            <c:strRef>
              <c:f>外貿コンテナ個数!$W$3</c:f>
              <c:strCache>
                <c:ptCount val="1"/>
                <c:pt idx="0">
                  <c:v>横浜港</c:v>
                </c:pt>
              </c:strCache>
            </c:strRef>
          </c:tx>
          <c:marker>
            <c:symbol val="square"/>
            <c:size val="6"/>
          </c:marker>
          <c:dLbls>
            <c:spPr>
              <a:noFill/>
              <a:ln>
                <a:noFill/>
              </a:ln>
              <a:effectLst/>
            </c:spPr>
            <c:txPr>
              <a:bodyPr/>
              <a:lstStyle/>
              <a:p>
                <a:pPr>
                  <a:defRPr>
                    <a:solidFill>
                      <a:schemeClr val="accent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W$4:$W$12</c:f>
              <c:numCache>
                <c:formatCode>0</c:formatCode>
                <c:ptCount val="9"/>
                <c:pt idx="0">
                  <c:v>280.28739999999999</c:v>
                </c:pt>
                <c:pt idx="1">
                  <c:v>273.1232</c:v>
                </c:pt>
                <c:pt idx="2">
                  <c:v>258.80739999999997</c:v>
                </c:pt>
                <c:pt idx="3">
                  <c:v>261.1771</c:v>
                </c:pt>
                <c:pt idx="4">
                  <c:v>251.3511</c:v>
                </c:pt>
                <c:pt idx="5">
                  <c:v>252.09466499999999</c:v>
                </c:pt>
                <c:pt idx="6">
                  <c:v>262.101</c:v>
                </c:pt>
                <c:pt idx="7">
                  <c:v>274</c:v>
                </c:pt>
                <c:pt idx="8">
                  <c:v>270</c:v>
                </c:pt>
              </c:numCache>
            </c:numRef>
          </c:val>
          <c:smooth val="0"/>
          <c:extLst>
            <c:ext xmlns:c16="http://schemas.microsoft.com/office/drawing/2014/chart" uri="{C3380CC4-5D6E-409C-BE32-E72D297353CC}">
              <c16:uniqueId val="{00000003-E0DB-45CD-9DB6-4D592FF80242}"/>
            </c:ext>
          </c:extLst>
        </c:ser>
        <c:ser>
          <c:idx val="2"/>
          <c:order val="2"/>
          <c:tx>
            <c:strRef>
              <c:f>外貿コンテナ個数!$X$3</c:f>
              <c:strCache>
                <c:ptCount val="1"/>
                <c:pt idx="0">
                  <c:v>名古屋港</c:v>
                </c:pt>
              </c:strCache>
            </c:strRef>
          </c:tx>
          <c:marker>
            <c:symbol val="triangle"/>
            <c:size val="6"/>
          </c:marker>
          <c:dLbls>
            <c:dLbl>
              <c:idx val="0"/>
              <c:layout>
                <c:manualLayout>
                  <c:x val="-5.888249659833401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0DB-45CD-9DB6-4D592FF80242}"/>
                </c:ext>
              </c:extLst>
            </c:dLbl>
            <c:dLbl>
              <c:idx val="1"/>
              <c:layout>
                <c:manualLayout>
                  <c:x val="-5.578341783000067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0DB-45CD-9DB6-4D592FF80242}"/>
                </c:ext>
              </c:extLst>
            </c:dLbl>
            <c:dLbl>
              <c:idx val="2"/>
              <c:layout>
                <c:manualLayout>
                  <c:x val="-4.6486181525000538E-2"/>
                  <c:y val="-2.11526295466703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0DB-45CD-9DB6-4D592FF80242}"/>
                </c:ext>
              </c:extLst>
            </c:dLbl>
            <c:dLbl>
              <c:idx val="3"/>
              <c:layout>
                <c:manualLayout>
                  <c:x val="-1.2396315073333533E-2"/>
                  <c:y val="1.762719128889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0DB-45CD-9DB6-4D592FF80242}"/>
                </c:ext>
              </c:extLst>
            </c:dLbl>
            <c:dLbl>
              <c:idx val="4"/>
              <c:layout>
                <c:manualLayout>
                  <c:x val="-2.4792630146666952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0DB-45CD-9DB6-4D592FF80242}"/>
                </c:ext>
              </c:extLst>
            </c:dLbl>
            <c:dLbl>
              <c:idx val="5"/>
              <c:layout>
                <c:manualLayout>
                  <c:x val="-2.1693551378333585E-2"/>
                  <c:y val="2.46780678044486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0DB-45CD-9DB6-4D592FF80242}"/>
                </c:ext>
              </c:extLst>
            </c:dLbl>
            <c:dLbl>
              <c:idx val="6"/>
              <c:layout>
                <c:manualLayout>
                  <c:x val="-6.1981575366668517E-3"/>
                  <c:y val="1.4101753031113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0DB-45CD-9DB6-4D592FF80242}"/>
                </c:ext>
              </c:extLst>
            </c:dLbl>
            <c:dLbl>
              <c:idx val="7"/>
              <c:layout>
                <c:manualLayout>
                  <c:x val="-6.1981575366668517E-3"/>
                  <c:y val="1.76271912888918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0DB-45CD-9DB6-4D592FF802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X$4:$X$12</c:f>
              <c:numCache>
                <c:formatCode>0</c:formatCode>
                <c:ptCount val="9"/>
                <c:pt idx="0">
                  <c:v>247.22640000000001</c:v>
                </c:pt>
                <c:pt idx="1">
                  <c:v>249.25020000000001</c:v>
                </c:pt>
                <c:pt idx="2">
                  <c:v>253.0154</c:v>
                </c:pt>
                <c:pt idx="3">
                  <c:v>256.93200000000002</c:v>
                </c:pt>
                <c:pt idx="4">
                  <c:v>246.62720500000003</c:v>
                </c:pt>
                <c:pt idx="5">
                  <c:v>249.12065000000001</c:v>
                </c:pt>
                <c:pt idx="6">
                  <c:v>258.86007500000005</c:v>
                </c:pt>
                <c:pt idx="7">
                  <c:v>269.96260000000001</c:v>
                </c:pt>
                <c:pt idx="8">
                  <c:v>265</c:v>
                </c:pt>
              </c:numCache>
            </c:numRef>
          </c:val>
          <c:smooth val="0"/>
          <c:extLst>
            <c:ext xmlns:c16="http://schemas.microsoft.com/office/drawing/2014/chart" uri="{C3380CC4-5D6E-409C-BE32-E72D297353CC}">
              <c16:uniqueId val="{0000000C-E0DB-45CD-9DB6-4D592FF80242}"/>
            </c:ext>
          </c:extLst>
        </c:ser>
        <c:ser>
          <c:idx val="3"/>
          <c:order val="3"/>
          <c:tx>
            <c:strRef>
              <c:f>外貿コンテナ個数!$Y$3</c:f>
              <c:strCache>
                <c:ptCount val="1"/>
                <c:pt idx="0">
                  <c:v>大阪港</c:v>
                </c:pt>
              </c:strCache>
            </c:strRef>
          </c:tx>
          <c:marker>
            <c:symbol val="x"/>
            <c:size val="6"/>
          </c:marker>
          <c:dLbls>
            <c:dLbl>
              <c:idx val="0"/>
              <c:layout>
                <c:manualLayout>
                  <c:x val="-5.9297091972577862E-2"/>
                  <c:y val="3.16848767757530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0DB-45CD-9DB6-4D592FF80242}"/>
                </c:ext>
              </c:extLst>
            </c:dLbl>
            <c:dLbl>
              <c:idx val="1"/>
              <c:layout>
                <c:manualLayout>
                  <c:x val="-5.9297091972577862E-2"/>
                  <c:y val="-4.00048010990238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0DB-45CD-9DB6-4D592FF80242}"/>
                </c:ext>
              </c:extLst>
            </c:dLbl>
            <c:dLbl>
              <c:idx val="2"/>
              <c:layout>
                <c:manualLayout>
                  <c:x val="-5.5726062079121091E-2"/>
                  <c:y val="-2.86853782766905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0DB-45CD-9DB6-4D592FF80242}"/>
                </c:ext>
              </c:extLst>
            </c:dLbl>
            <c:dLbl>
              <c:idx val="3"/>
              <c:layout>
                <c:manualLayout>
                  <c:x val="-5.619801112349658E-2"/>
                  <c:y val="-2.91809129996788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0DB-45CD-9DB6-4D592FF80242}"/>
                </c:ext>
              </c:extLst>
            </c:dLbl>
            <c:dLbl>
              <c:idx val="4"/>
              <c:layout>
                <c:manualLayout>
                  <c:x val="-5.619801112349658E-2"/>
                  <c:y val="-2.94288040519777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0DB-45CD-9DB6-4D592FF80242}"/>
                </c:ext>
              </c:extLst>
            </c:dLbl>
            <c:dLbl>
              <c:idx val="5"/>
              <c:layout>
                <c:manualLayout>
                  <c:x val="-5.9297091972577862E-2"/>
                  <c:y val="2.41385948941975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0DB-45CD-9DB6-4D592FF80242}"/>
                </c:ext>
              </c:extLst>
            </c:dLbl>
            <c:dLbl>
              <c:idx val="6"/>
              <c:layout>
                <c:manualLayout>
                  <c:x val="-5.9297091972577862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0DB-45CD-9DB6-4D592FF80242}"/>
                </c:ext>
              </c:extLst>
            </c:dLbl>
            <c:dLbl>
              <c:idx val="7"/>
              <c:layout>
                <c:manualLayout>
                  <c:x val="-3.4545637059079738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E0DB-45CD-9DB6-4D592FF80242}"/>
                </c:ext>
              </c:extLst>
            </c:dLbl>
            <c:dLbl>
              <c:idx val="8"/>
              <c:layout>
                <c:manualLayout>
                  <c:x val="-4.6766318723901967E-2"/>
                  <c:y val="4.01811131446381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E0DB-45CD-9DB6-4D592FF80242}"/>
                </c:ext>
              </c:extLst>
            </c:dLbl>
            <c:spPr>
              <a:noFill/>
              <a:ln>
                <a:noFill/>
              </a:ln>
              <a:effectLst/>
            </c:spPr>
            <c:txPr>
              <a:bodyPr/>
              <a:lstStyle/>
              <a:p>
                <a:pPr>
                  <a:defRPr u="sng">
                    <a:solidFill>
                      <a:schemeClr val="accent4">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Y$4:$Y$12</c:f>
              <c:numCache>
                <c:formatCode>0</c:formatCode>
                <c:ptCount val="9"/>
                <c:pt idx="0">
                  <c:v>217.3389</c:v>
                </c:pt>
                <c:pt idx="1">
                  <c:v>212.0316</c:v>
                </c:pt>
                <c:pt idx="2">
                  <c:v>219.3939</c:v>
                </c:pt>
                <c:pt idx="3">
                  <c:v>217.37629999999999</c:v>
                </c:pt>
                <c:pt idx="4">
                  <c:v>197.03206</c:v>
                </c:pt>
                <c:pt idx="5">
                  <c:v>195.23715000000001</c:v>
                </c:pt>
                <c:pt idx="6">
                  <c:v>204.86124000000001</c:v>
                </c:pt>
                <c:pt idx="7">
                  <c:v>209.60159999999999</c:v>
                </c:pt>
                <c:pt idx="8">
                  <c:v>213</c:v>
                </c:pt>
              </c:numCache>
            </c:numRef>
          </c:val>
          <c:smooth val="0"/>
          <c:extLst>
            <c:ext xmlns:c16="http://schemas.microsoft.com/office/drawing/2014/chart" uri="{C3380CC4-5D6E-409C-BE32-E72D297353CC}">
              <c16:uniqueId val="{00000016-E0DB-45CD-9DB6-4D592FF80242}"/>
            </c:ext>
          </c:extLst>
        </c:ser>
        <c:ser>
          <c:idx val="4"/>
          <c:order val="4"/>
          <c:tx>
            <c:strRef>
              <c:f>外貿コンテナ個数!$Z$3</c:f>
              <c:strCache>
                <c:ptCount val="1"/>
                <c:pt idx="0">
                  <c:v>神戸港</c:v>
                </c:pt>
              </c:strCache>
            </c:strRef>
          </c:tx>
          <c:marker>
            <c:symbol val="star"/>
            <c:size val="6"/>
          </c:marker>
          <c:dLbls>
            <c:dLbl>
              <c:idx val="0"/>
              <c:layout>
                <c:manualLayout>
                  <c:x val="-5.9297091972577862E-2"/>
                  <c:y val="-3.16848767757530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E0DB-45CD-9DB6-4D592FF80242}"/>
                </c:ext>
              </c:extLst>
            </c:dLbl>
            <c:dLbl>
              <c:idx val="1"/>
              <c:layout>
                <c:manualLayout>
                  <c:x val="-5.9297091972577862E-2"/>
                  <c:y val="2.49122373359129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E0DB-45CD-9DB6-4D592FF80242}"/>
                </c:ext>
              </c:extLst>
            </c:dLbl>
            <c:dLbl>
              <c:idx val="2"/>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E0DB-45CD-9DB6-4D592FF80242}"/>
                </c:ext>
              </c:extLst>
            </c:dLbl>
            <c:dLbl>
              <c:idx val="3"/>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E0DB-45CD-9DB6-4D592FF80242}"/>
                </c:ext>
              </c:extLst>
            </c:dLbl>
            <c:dLbl>
              <c:idx val="4"/>
              <c:layout>
                <c:manualLayout>
                  <c:x val="-4.9999853586829901E-2"/>
                  <c:y val="2.56554747419003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E0DB-45CD-9DB6-4D592FF80242}"/>
                </c:ext>
              </c:extLst>
            </c:dLbl>
            <c:dLbl>
              <c:idx val="5"/>
              <c:layout>
                <c:manualLayout>
                  <c:x val="-5.619801112349658E-2"/>
                  <c:y val="-2.0860878711321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E0DB-45CD-9DB6-4D592FF80242}"/>
                </c:ext>
              </c:extLst>
            </c:dLbl>
            <c:dLbl>
              <c:idx val="6"/>
              <c:layout>
                <c:manualLayout>
                  <c:x val="-5.3098932355163213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E0DB-45CD-9DB6-4D592FF80242}"/>
                </c:ext>
              </c:extLst>
            </c:dLbl>
            <c:dLbl>
              <c:idx val="7"/>
              <c:layout>
                <c:manualLayout>
                  <c:x val="-4.6470076076283326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E0DB-45CD-9DB6-4D592FF80242}"/>
                </c:ext>
              </c:extLst>
            </c:dLbl>
            <c:dLbl>
              <c:idx val="8"/>
              <c:layout>
                <c:manualLayout>
                  <c:x val="-4.6766318723901967E-2"/>
                  <c:y val="-2.960479837130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E0DB-45CD-9DB6-4D592FF80242}"/>
                </c:ext>
              </c:extLst>
            </c:dLbl>
            <c:spPr>
              <a:ln>
                <a:noFill/>
              </a:ln>
            </c:spPr>
            <c:txPr>
              <a:bodyPr/>
              <a:lstStyle/>
              <a:p>
                <a:pPr>
                  <a:defRPr>
                    <a:solidFill>
                      <a:schemeClr val="accent5">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Z$4:$Z$12</c:f>
              <c:numCache>
                <c:formatCode>0</c:formatCode>
                <c:ptCount val="9"/>
                <c:pt idx="0">
                  <c:v>209.71430000000001</c:v>
                </c:pt>
                <c:pt idx="1">
                  <c:v>207.0737</c:v>
                </c:pt>
                <c:pt idx="2">
                  <c:v>204.88890000000001</c:v>
                </c:pt>
                <c:pt idx="3">
                  <c:v>205.11160000000001</c:v>
                </c:pt>
                <c:pt idx="4">
                  <c:v>211.50649999999999</c:v>
                </c:pt>
                <c:pt idx="5">
                  <c:v>214.0547</c:v>
                </c:pt>
                <c:pt idx="6">
                  <c:v>221.8861</c:v>
                </c:pt>
                <c:pt idx="7">
                  <c:v>221.95840000000001</c:v>
                </c:pt>
                <c:pt idx="8">
                  <c:v>219</c:v>
                </c:pt>
              </c:numCache>
            </c:numRef>
          </c:val>
          <c:smooth val="0"/>
          <c:extLst>
            <c:ext xmlns:c16="http://schemas.microsoft.com/office/drawing/2014/chart" uri="{C3380CC4-5D6E-409C-BE32-E72D297353CC}">
              <c16:uniqueId val="{00000020-E0DB-45CD-9DB6-4D592FF80242}"/>
            </c:ext>
          </c:extLst>
        </c:ser>
        <c:ser>
          <c:idx val="5"/>
          <c:order val="5"/>
          <c:tx>
            <c:strRef>
              <c:f>外貿コンテナ個数!$AA$3</c:f>
              <c:strCache>
                <c:ptCount val="1"/>
                <c:pt idx="0">
                  <c:v>阪神港合計</c:v>
                </c:pt>
              </c:strCache>
            </c:strRef>
          </c:tx>
          <c:marker>
            <c:symbol val="circle"/>
            <c:size val="6"/>
          </c:marker>
          <c:dLbls>
            <c:dLbl>
              <c:idx val="0"/>
              <c:layout>
                <c:manualLayout>
                  <c:x val="-6.2763063707945599E-2"/>
                  <c:y val="-4.70939423170394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E0DB-45CD-9DB6-4D592FF80242}"/>
                </c:ext>
              </c:extLst>
            </c:dLbl>
            <c:dLbl>
              <c:idx val="1"/>
              <c:layout>
                <c:manualLayout>
                  <c:x val="-5.5632938930761995E-2"/>
                  <c:y val="-4.32952718517022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E0DB-45CD-9DB6-4D592FF80242}"/>
                </c:ext>
              </c:extLst>
            </c:dLbl>
            <c:spPr>
              <a:noFill/>
              <a:ln>
                <a:noFill/>
              </a:ln>
              <a:effectLst/>
            </c:spPr>
            <c:txPr>
              <a:bodyPr/>
              <a:lstStyle/>
              <a:p>
                <a:pPr>
                  <a:defRPr>
                    <a:solidFill>
                      <a:schemeClr val="accent6">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1年</c:v>
                </c:pt>
                <c:pt idx="1">
                  <c:v>2012年</c:v>
                </c:pt>
                <c:pt idx="2">
                  <c:v>2013年</c:v>
                </c:pt>
                <c:pt idx="3">
                  <c:v>2014年</c:v>
                </c:pt>
                <c:pt idx="4">
                  <c:v>2015年</c:v>
                </c:pt>
                <c:pt idx="5">
                  <c:v>2016年</c:v>
                </c:pt>
                <c:pt idx="6">
                  <c:v>2017年</c:v>
                </c:pt>
                <c:pt idx="7">
                  <c:v>2018年</c:v>
                </c:pt>
                <c:pt idx="8">
                  <c:v>2019年</c:v>
                </c:pt>
              </c:strCache>
            </c:strRef>
          </c:cat>
          <c:val>
            <c:numRef>
              <c:f>外貿コンテナ個数!$AA$4:$AA$12</c:f>
              <c:numCache>
                <c:formatCode>0</c:formatCode>
                <c:ptCount val="9"/>
                <c:pt idx="0">
                  <c:v>427.0532</c:v>
                </c:pt>
                <c:pt idx="1">
                  <c:v>419.1053</c:v>
                </c:pt>
                <c:pt idx="2">
                  <c:v>424.28280000000001</c:v>
                </c:pt>
                <c:pt idx="3">
                  <c:v>422.48789999999997</c:v>
                </c:pt>
                <c:pt idx="4">
                  <c:v>408.53855999999996</c:v>
                </c:pt>
                <c:pt idx="5">
                  <c:v>409.29185000000001</c:v>
                </c:pt>
                <c:pt idx="6">
                  <c:v>426.74734000000001</c:v>
                </c:pt>
                <c:pt idx="7">
                  <c:v>431.56</c:v>
                </c:pt>
                <c:pt idx="8">
                  <c:v>432</c:v>
                </c:pt>
              </c:numCache>
            </c:numRef>
          </c:val>
          <c:smooth val="0"/>
          <c:extLst>
            <c:ext xmlns:c16="http://schemas.microsoft.com/office/drawing/2014/chart" uri="{C3380CC4-5D6E-409C-BE32-E72D297353CC}">
              <c16:uniqueId val="{00000023-E0DB-45CD-9DB6-4D592FF80242}"/>
            </c:ext>
          </c:extLst>
        </c:ser>
        <c:dLbls>
          <c:showLegendKey val="0"/>
          <c:showVal val="0"/>
          <c:showCatName val="0"/>
          <c:showSerName val="0"/>
          <c:showPercent val="0"/>
          <c:showBubbleSize val="0"/>
        </c:dLbls>
        <c:marker val="1"/>
        <c:smooth val="0"/>
        <c:axId val="108046208"/>
        <c:axId val="108047744"/>
      </c:lineChart>
      <c:catAx>
        <c:axId val="108046208"/>
        <c:scaling>
          <c:orientation val="minMax"/>
        </c:scaling>
        <c:delete val="0"/>
        <c:axPos val="b"/>
        <c:numFmt formatCode="General" sourceLinked="0"/>
        <c:majorTickMark val="out"/>
        <c:minorTickMark val="none"/>
        <c:tickLblPos val="nextTo"/>
        <c:crossAx val="108047744"/>
        <c:crosses val="autoZero"/>
        <c:auto val="1"/>
        <c:lblAlgn val="ctr"/>
        <c:lblOffset val="100"/>
        <c:noMultiLvlLbl val="0"/>
      </c:catAx>
      <c:valAx>
        <c:axId val="108047744"/>
        <c:scaling>
          <c:orientation val="minMax"/>
          <c:min val="150"/>
        </c:scaling>
        <c:delete val="0"/>
        <c:axPos val="l"/>
        <c:majorGridlines/>
        <c:numFmt formatCode="0" sourceLinked="1"/>
        <c:majorTickMark val="out"/>
        <c:minorTickMark val="none"/>
        <c:tickLblPos val="nextTo"/>
        <c:crossAx val="108046208"/>
        <c:crosses val="autoZero"/>
        <c:crossBetween val="between"/>
      </c:valAx>
    </c:plotArea>
    <c:legend>
      <c:legendPos val="b"/>
      <c:layout>
        <c:manualLayout>
          <c:xMode val="edge"/>
          <c:yMode val="edge"/>
          <c:x val="7.0038692120433621E-2"/>
          <c:y val="0.87071242737202792"/>
          <c:w val="0.88611111111111107"/>
          <c:h val="9.5497640830250544E-2"/>
        </c:manualLayout>
      </c:layout>
      <c:overlay val="0"/>
      <c:txPr>
        <a:bodyPr/>
        <a:lstStyle/>
        <a:p>
          <a:pPr>
            <a:defRPr>
              <a:latin typeface="+mn-ea"/>
              <a:ea typeface="+mn-ea"/>
              <a:cs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9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bar"/>
        <c:grouping val="percentStacked"/>
        <c:varyColors val="0"/>
        <c:ser>
          <c:idx val="0"/>
          <c:order val="0"/>
          <c:tx>
            <c:strRef>
              <c:f>Ｈ30阪神港_輸出まとめ!$M$6</c:f>
              <c:strCache>
                <c:ptCount val="1"/>
                <c:pt idx="0">
                  <c:v>1.食料品</c:v>
                </c:pt>
              </c:strCache>
            </c:strRef>
          </c:tx>
          <c:spPr>
            <a:solidFill>
              <a:srgbClr val="0070C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6:$P$6</c:f>
              <c:numCache>
                <c:formatCode>0.00%</c:formatCode>
                <c:ptCount val="3"/>
                <c:pt idx="0">
                  <c:v>1.83E-2</c:v>
                </c:pt>
                <c:pt idx="1">
                  <c:v>2.1299999999999999E-2</c:v>
                </c:pt>
                <c:pt idx="2">
                  <c:v>3.3999999999999998E-3</c:v>
                </c:pt>
              </c:numCache>
            </c:numRef>
          </c:val>
          <c:extLst>
            <c:ext xmlns:c16="http://schemas.microsoft.com/office/drawing/2014/chart" uri="{C3380CC4-5D6E-409C-BE32-E72D297353CC}">
              <c16:uniqueId val="{00000000-39D9-43E3-983D-EDD709AB5567}"/>
            </c:ext>
          </c:extLst>
        </c:ser>
        <c:ser>
          <c:idx val="1"/>
          <c:order val="1"/>
          <c:tx>
            <c:strRef>
              <c:f>Ｈ30阪神港_輸出まとめ!$M$7</c:f>
              <c:strCache>
                <c:ptCount val="1"/>
                <c:pt idx="0">
                  <c:v>2.原料品</c:v>
                </c:pt>
              </c:strCache>
            </c:strRef>
          </c:tx>
          <c:spPr>
            <a:pattFill prst="trellis">
              <a:fgClr>
                <a:schemeClr val="accent5">
                  <a:lumMod val="75000"/>
                </a:schemeClr>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7:$P$7</c:f>
              <c:numCache>
                <c:formatCode>0.00%</c:formatCode>
                <c:ptCount val="3"/>
                <c:pt idx="0">
                  <c:v>1.6E-2</c:v>
                </c:pt>
                <c:pt idx="1">
                  <c:v>1.61E-2</c:v>
                </c:pt>
                <c:pt idx="2">
                  <c:v>5.8999999999999999E-3</c:v>
                </c:pt>
              </c:numCache>
            </c:numRef>
          </c:val>
          <c:extLst>
            <c:ext xmlns:c16="http://schemas.microsoft.com/office/drawing/2014/chart" uri="{C3380CC4-5D6E-409C-BE32-E72D297353CC}">
              <c16:uniqueId val="{00000001-39D9-43E3-983D-EDD709AB5567}"/>
            </c:ext>
          </c:extLst>
        </c:ser>
        <c:ser>
          <c:idx val="2"/>
          <c:order val="2"/>
          <c:tx>
            <c:strRef>
              <c:f>Ｈ30阪神港_輸出まとめ!$M$8</c:f>
              <c:strCache>
                <c:ptCount val="1"/>
                <c:pt idx="0">
                  <c:v>3.鉱物性燃料</c:v>
                </c:pt>
              </c:strCache>
            </c:strRef>
          </c:tx>
          <c:spPr>
            <a:solidFill>
              <a:schemeClr val="accent6">
                <a:lumMod val="75000"/>
              </a:schemeClr>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8:$P$8</c:f>
              <c:numCache>
                <c:formatCode>0.00%</c:formatCode>
                <c:ptCount val="3"/>
                <c:pt idx="0">
                  <c:v>7.1999999999999998E-3</c:v>
                </c:pt>
                <c:pt idx="1">
                  <c:v>0</c:v>
                </c:pt>
                <c:pt idx="2">
                  <c:v>8.8999999999999999E-3</c:v>
                </c:pt>
              </c:numCache>
            </c:numRef>
          </c:val>
          <c:extLst>
            <c:ext xmlns:c16="http://schemas.microsoft.com/office/drawing/2014/chart" uri="{C3380CC4-5D6E-409C-BE32-E72D297353CC}">
              <c16:uniqueId val="{00000002-39D9-43E3-983D-EDD709AB5567}"/>
            </c:ext>
          </c:extLst>
        </c:ser>
        <c:ser>
          <c:idx val="3"/>
          <c:order val="3"/>
          <c:tx>
            <c:strRef>
              <c:f>Ｈ30阪神港_輸出まとめ!$M$9</c:f>
              <c:strCache>
                <c:ptCount val="1"/>
                <c:pt idx="0">
                  <c:v>4.化学製品</c:v>
                </c:pt>
              </c:strCache>
            </c:strRef>
          </c:tx>
          <c:spPr>
            <a:pattFill prst="ltVert">
              <a:fgClr>
                <a:srgbClr val="00206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9:$P$9</c:f>
              <c:numCache>
                <c:formatCode>0.00%</c:formatCode>
                <c:ptCount val="3"/>
                <c:pt idx="0">
                  <c:v>0.16719999999999999</c:v>
                </c:pt>
                <c:pt idx="1">
                  <c:v>0.13</c:v>
                </c:pt>
                <c:pt idx="2">
                  <c:v>5.4600000000000003E-2</c:v>
                </c:pt>
              </c:numCache>
            </c:numRef>
          </c:val>
          <c:extLst>
            <c:ext xmlns:c16="http://schemas.microsoft.com/office/drawing/2014/chart" uri="{C3380CC4-5D6E-409C-BE32-E72D297353CC}">
              <c16:uniqueId val="{00000003-39D9-43E3-983D-EDD709AB5567}"/>
            </c:ext>
          </c:extLst>
        </c:ser>
        <c:ser>
          <c:idx val="4"/>
          <c:order val="4"/>
          <c:tx>
            <c:strRef>
              <c:f>Ｈ30阪神港_輸出まとめ!$M$10</c:f>
              <c:strCache>
                <c:ptCount val="1"/>
                <c:pt idx="0">
                  <c:v>5.原料別製品</c:v>
                </c:pt>
              </c:strCache>
            </c:strRef>
          </c:tx>
          <c:spPr>
            <a:solidFill>
              <a:srgbClr val="C0000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0:$P$10</c:f>
              <c:numCache>
                <c:formatCode>0.00%</c:formatCode>
                <c:ptCount val="3"/>
                <c:pt idx="0">
                  <c:v>0.1399</c:v>
                </c:pt>
                <c:pt idx="1">
                  <c:v>7.6200000000000004E-2</c:v>
                </c:pt>
                <c:pt idx="2">
                  <c:v>7.2599999999999998E-2</c:v>
                </c:pt>
              </c:numCache>
            </c:numRef>
          </c:val>
          <c:extLst>
            <c:ext xmlns:c16="http://schemas.microsoft.com/office/drawing/2014/chart" uri="{C3380CC4-5D6E-409C-BE32-E72D297353CC}">
              <c16:uniqueId val="{00000004-39D9-43E3-983D-EDD709AB5567}"/>
            </c:ext>
          </c:extLst>
        </c:ser>
        <c:ser>
          <c:idx val="5"/>
          <c:order val="5"/>
          <c:tx>
            <c:strRef>
              <c:f>Ｈ30阪神港_輸出まとめ!$M$11</c:f>
              <c:strCache>
                <c:ptCount val="1"/>
                <c:pt idx="0">
                  <c:v>6.一般機械</c:v>
                </c:pt>
              </c:strCache>
            </c:strRef>
          </c:tx>
          <c:spPr>
            <a:pattFill prst="dkUpDiag">
              <a:fgClr>
                <a:srgbClr val="92D05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1:$P$11</c:f>
              <c:numCache>
                <c:formatCode>0.00%</c:formatCode>
                <c:ptCount val="3"/>
                <c:pt idx="0">
                  <c:v>0.2681</c:v>
                </c:pt>
                <c:pt idx="1">
                  <c:v>0.58940000000000003</c:v>
                </c:pt>
                <c:pt idx="2">
                  <c:v>0.79039999999999999</c:v>
                </c:pt>
              </c:numCache>
            </c:numRef>
          </c:val>
          <c:extLst>
            <c:ext xmlns:c16="http://schemas.microsoft.com/office/drawing/2014/chart" uri="{C3380CC4-5D6E-409C-BE32-E72D297353CC}">
              <c16:uniqueId val="{00000005-39D9-43E3-983D-EDD709AB5567}"/>
            </c:ext>
          </c:extLst>
        </c:ser>
        <c:ser>
          <c:idx val="6"/>
          <c:order val="6"/>
          <c:tx>
            <c:strRef>
              <c:f>Ｈ30阪神港_輸出まとめ!$M$12</c:f>
              <c:strCache>
                <c:ptCount val="1"/>
                <c:pt idx="0">
                  <c:v>7.電気機器</c:v>
                </c:pt>
              </c:strCache>
            </c:strRef>
          </c:tx>
          <c:spPr>
            <a:pattFill prst="pct90">
              <a:fgClr>
                <a:srgbClr val="0070C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2:$P$12</c:f>
              <c:numCache>
                <c:formatCode>General</c:formatCode>
                <c:ptCount val="3"/>
                <c:pt idx="0" formatCode="0.00%">
                  <c:v>0.23710000000000001</c:v>
                </c:pt>
              </c:numCache>
            </c:numRef>
          </c:val>
          <c:extLst>
            <c:ext xmlns:c16="http://schemas.microsoft.com/office/drawing/2014/chart" uri="{C3380CC4-5D6E-409C-BE32-E72D297353CC}">
              <c16:uniqueId val="{00000006-39D9-43E3-983D-EDD709AB5567}"/>
            </c:ext>
          </c:extLst>
        </c:ser>
        <c:ser>
          <c:idx val="7"/>
          <c:order val="7"/>
          <c:tx>
            <c:strRef>
              <c:f>Ｈ30阪神港_輸出まとめ!$M$13</c:f>
              <c:strCache>
                <c:ptCount val="1"/>
                <c:pt idx="0">
                  <c:v>8.輸送用機器</c:v>
                </c:pt>
              </c:strCache>
            </c:strRef>
          </c:tx>
          <c:spPr>
            <a:solidFill>
              <a:srgbClr val="FFC00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3:$P$13</c:f>
              <c:numCache>
                <c:formatCode>General</c:formatCode>
                <c:ptCount val="3"/>
                <c:pt idx="0" formatCode="0.00%">
                  <c:v>5.6899999999999999E-2</c:v>
                </c:pt>
              </c:numCache>
            </c:numRef>
          </c:val>
          <c:extLst>
            <c:ext xmlns:c16="http://schemas.microsoft.com/office/drawing/2014/chart" uri="{C3380CC4-5D6E-409C-BE32-E72D297353CC}">
              <c16:uniqueId val="{00000007-39D9-43E3-983D-EDD709AB5567}"/>
            </c:ext>
          </c:extLst>
        </c:ser>
        <c:ser>
          <c:idx val="8"/>
          <c:order val="8"/>
          <c:tx>
            <c:strRef>
              <c:f>Ｈ30阪神港_輸出まとめ!$M$14</c:f>
              <c:strCache>
                <c:ptCount val="1"/>
                <c:pt idx="0">
                  <c:v>9.その他</c:v>
                </c:pt>
              </c:strCache>
            </c:strRef>
          </c:tx>
          <c:spPr>
            <a:pattFill prst="pct75">
              <a:fgClr>
                <a:srgbClr val="7030A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4:$P$14</c:f>
              <c:numCache>
                <c:formatCode>0.00%</c:formatCode>
                <c:ptCount val="3"/>
                <c:pt idx="0">
                  <c:v>8.9399999999999993E-2</c:v>
                </c:pt>
                <c:pt idx="1">
                  <c:v>0.16689999999999999</c:v>
                </c:pt>
                <c:pt idx="2">
                  <c:v>6.4199999999999993E-2</c:v>
                </c:pt>
              </c:numCache>
            </c:numRef>
          </c:val>
          <c:extLst>
            <c:ext xmlns:c16="http://schemas.microsoft.com/office/drawing/2014/chart" uri="{C3380CC4-5D6E-409C-BE32-E72D297353CC}">
              <c16:uniqueId val="{00000008-39D9-43E3-983D-EDD709AB5567}"/>
            </c:ext>
          </c:extLst>
        </c:ser>
        <c:dLbls>
          <c:showLegendKey val="0"/>
          <c:showVal val="0"/>
          <c:showCatName val="0"/>
          <c:showSerName val="0"/>
          <c:showPercent val="0"/>
          <c:showBubbleSize val="0"/>
        </c:dLbls>
        <c:gapWidth val="95"/>
        <c:overlap val="100"/>
        <c:axId val="120108928"/>
        <c:axId val="120110464"/>
      </c:barChart>
      <c:catAx>
        <c:axId val="1201089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10464"/>
        <c:crosses val="autoZero"/>
        <c:auto val="1"/>
        <c:lblAlgn val="ctr"/>
        <c:lblOffset val="100"/>
        <c:noMultiLvlLbl val="0"/>
      </c:catAx>
      <c:valAx>
        <c:axId val="12011046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08928"/>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4">
    <c:autoUpdate val="0"/>
  </c:externalData>
  <c:userShapes r:id="rId5"/>
</c:chartSpace>
</file>

<file path=ppt/charts/chart9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545298352266415"/>
          <c:y val="3.9870542033882829E-2"/>
          <c:w val="0.6454701647733585"/>
          <c:h val="0.621225855061875"/>
        </c:manualLayout>
      </c:layout>
      <c:lineChart>
        <c:grouping val="standard"/>
        <c:varyColors val="0"/>
        <c:ser>
          <c:idx val="0"/>
          <c:order val="0"/>
          <c:tx>
            <c:strRef>
              <c:f>Ｈ30阪神港_輸出まとめ!$L$18</c:f>
              <c:strCache>
                <c:ptCount val="1"/>
                <c:pt idx="0">
                  <c:v>半導体等電子部品</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18:$Q$18</c:f>
              <c:numCache>
                <c:formatCode>#,##0_);[Red]\(#,##0\)</c:formatCode>
                <c:ptCount val="5"/>
                <c:pt idx="0">
                  <c:v>623424</c:v>
                </c:pt>
                <c:pt idx="1">
                  <c:v>515735</c:v>
                </c:pt>
                <c:pt idx="2">
                  <c:v>624786</c:v>
                </c:pt>
                <c:pt idx="3">
                  <c:v>724678</c:v>
                </c:pt>
                <c:pt idx="4">
                  <c:v>519622</c:v>
                </c:pt>
              </c:numCache>
            </c:numRef>
          </c:val>
          <c:smooth val="0"/>
          <c:extLst>
            <c:ext xmlns:c16="http://schemas.microsoft.com/office/drawing/2014/chart" uri="{C3380CC4-5D6E-409C-BE32-E72D297353CC}">
              <c16:uniqueId val="{00000000-22EF-4CF7-89C5-C14130E84E0C}"/>
            </c:ext>
          </c:extLst>
        </c:ser>
        <c:ser>
          <c:idx val="1"/>
          <c:order val="1"/>
          <c:tx>
            <c:strRef>
              <c:f>Ｈ30阪神港_輸出まとめ!$L$19</c:f>
              <c:strCache>
                <c:ptCount val="1"/>
                <c:pt idx="0">
                  <c:v>プラスチック</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19:$Q$19</c:f>
              <c:numCache>
                <c:formatCode>#,##0_);[Red]\(#,##0\)</c:formatCode>
                <c:ptCount val="5"/>
                <c:pt idx="0">
                  <c:v>546243</c:v>
                </c:pt>
                <c:pt idx="1">
                  <c:v>515964</c:v>
                </c:pt>
                <c:pt idx="2">
                  <c:v>556026</c:v>
                </c:pt>
                <c:pt idx="3">
                  <c:v>580383</c:v>
                </c:pt>
                <c:pt idx="4">
                  <c:v>545126</c:v>
                </c:pt>
              </c:numCache>
            </c:numRef>
          </c:val>
          <c:smooth val="0"/>
          <c:extLst>
            <c:ext xmlns:c16="http://schemas.microsoft.com/office/drawing/2014/chart" uri="{C3380CC4-5D6E-409C-BE32-E72D297353CC}">
              <c16:uniqueId val="{00000001-22EF-4CF7-89C5-C14130E84E0C}"/>
            </c:ext>
          </c:extLst>
        </c:ser>
        <c:ser>
          <c:idx val="2"/>
          <c:order val="2"/>
          <c:tx>
            <c:strRef>
              <c:f>Ｈ30阪神港_輸出まとめ!$L$20</c:f>
              <c:strCache>
                <c:ptCount val="1"/>
                <c:pt idx="0">
                  <c:v>建設用・鉱山用機械</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0:$Q$20</c:f>
              <c:numCache>
                <c:formatCode>#,##0_);[Red]\(#,##0\)</c:formatCode>
                <c:ptCount val="5"/>
                <c:pt idx="0">
                  <c:v>344938</c:v>
                </c:pt>
                <c:pt idx="1">
                  <c:v>355970</c:v>
                </c:pt>
                <c:pt idx="2">
                  <c:v>439255</c:v>
                </c:pt>
                <c:pt idx="3">
                  <c:v>466897</c:v>
                </c:pt>
                <c:pt idx="4">
                  <c:v>432444</c:v>
                </c:pt>
              </c:numCache>
            </c:numRef>
          </c:val>
          <c:smooth val="0"/>
          <c:extLst>
            <c:ext xmlns:c16="http://schemas.microsoft.com/office/drawing/2014/chart" uri="{C3380CC4-5D6E-409C-BE32-E72D297353CC}">
              <c16:uniqueId val="{00000002-22EF-4CF7-89C5-C14130E84E0C}"/>
            </c:ext>
          </c:extLst>
        </c:ser>
        <c:ser>
          <c:idx val="3"/>
          <c:order val="3"/>
          <c:tx>
            <c:strRef>
              <c:f>Ｈ30阪神港_輸出まとめ!$L$21</c:f>
              <c:strCache>
                <c:ptCount val="1"/>
                <c:pt idx="0">
                  <c:v>原動機</c:v>
                </c:pt>
              </c:strCache>
            </c:strRef>
          </c:tx>
          <c:spPr>
            <a:ln w="28575" cap="rnd">
              <a:solidFill>
                <a:schemeClr val="accent4"/>
              </a:solidFill>
              <a:round/>
            </a:ln>
            <a:effectLst/>
          </c:spPr>
          <c:marker>
            <c:symbol val="x"/>
            <c:size val="5"/>
            <c:spPr>
              <a:noFill/>
              <a:ln w="9525">
                <a:solidFill>
                  <a:schemeClr val="accent4"/>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1:$Q$21</c:f>
              <c:numCache>
                <c:formatCode>#,##0_);[Red]\(#,##0\)</c:formatCode>
                <c:ptCount val="5"/>
                <c:pt idx="0">
                  <c:v>363061</c:v>
                </c:pt>
                <c:pt idx="1">
                  <c:v>271684</c:v>
                </c:pt>
                <c:pt idx="2">
                  <c:v>375665</c:v>
                </c:pt>
                <c:pt idx="3">
                  <c:v>366362</c:v>
                </c:pt>
                <c:pt idx="4">
                  <c:v>337991</c:v>
                </c:pt>
              </c:numCache>
            </c:numRef>
          </c:val>
          <c:smooth val="0"/>
          <c:extLst>
            <c:ext xmlns:c16="http://schemas.microsoft.com/office/drawing/2014/chart" uri="{C3380CC4-5D6E-409C-BE32-E72D297353CC}">
              <c16:uniqueId val="{00000003-22EF-4CF7-89C5-C14130E84E0C}"/>
            </c:ext>
          </c:extLst>
        </c:ser>
        <c:ser>
          <c:idx val="4"/>
          <c:order val="4"/>
          <c:tx>
            <c:strRef>
              <c:f>Ｈ30阪神港_輸出まとめ!$L$22</c:f>
              <c:strCache>
                <c:ptCount val="1"/>
                <c:pt idx="0">
                  <c:v>織物用糸及び繊維製品</c:v>
                </c:pt>
              </c:strCache>
            </c:strRef>
          </c:tx>
          <c:spPr>
            <a:ln w="28575" cap="rnd">
              <a:solidFill>
                <a:schemeClr val="accent5"/>
              </a:solidFill>
              <a:round/>
            </a:ln>
            <a:effectLst/>
          </c:spPr>
          <c:marker>
            <c:symbol val="star"/>
            <c:size val="5"/>
            <c:spPr>
              <a:noFill/>
              <a:ln w="9525">
                <a:solidFill>
                  <a:schemeClr val="accent5"/>
                </a:solidFill>
              </a:ln>
              <a:effectLst/>
            </c:spPr>
          </c:marker>
          <c:cat>
            <c:numRef>
              <c:f>Ｈ30阪神港_輸出まとめ!$M$17:$Q$17</c:f>
              <c:numCache>
                <c:formatCode>General</c:formatCode>
                <c:ptCount val="5"/>
                <c:pt idx="0">
                  <c:v>2015</c:v>
                </c:pt>
                <c:pt idx="1">
                  <c:v>2016</c:v>
                </c:pt>
                <c:pt idx="2">
                  <c:v>2017</c:v>
                </c:pt>
                <c:pt idx="3">
                  <c:v>2018</c:v>
                </c:pt>
                <c:pt idx="4">
                  <c:v>2019</c:v>
                </c:pt>
              </c:numCache>
            </c:numRef>
          </c:cat>
          <c:val>
            <c:numRef>
              <c:f>Ｈ30阪神港_輸出まとめ!$M$22:$Q$22</c:f>
              <c:numCache>
                <c:formatCode>#,##0_);[Red]\(#,##0\)</c:formatCode>
                <c:ptCount val="5"/>
                <c:pt idx="0">
                  <c:v>390528</c:v>
                </c:pt>
                <c:pt idx="1">
                  <c:v>361366</c:v>
                </c:pt>
                <c:pt idx="2">
                  <c:v>370516</c:v>
                </c:pt>
                <c:pt idx="3">
                  <c:v>363886</c:v>
                </c:pt>
                <c:pt idx="4">
                  <c:v>357533</c:v>
                </c:pt>
              </c:numCache>
            </c:numRef>
          </c:val>
          <c:smooth val="0"/>
          <c:extLst>
            <c:ext xmlns:c16="http://schemas.microsoft.com/office/drawing/2014/chart" uri="{C3380CC4-5D6E-409C-BE32-E72D297353CC}">
              <c16:uniqueId val="{00000004-22EF-4CF7-89C5-C14130E84E0C}"/>
            </c:ext>
          </c:extLst>
        </c:ser>
        <c:dLbls>
          <c:showLegendKey val="0"/>
          <c:showVal val="0"/>
          <c:showCatName val="0"/>
          <c:showSerName val="0"/>
          <c:showPercent val="0"/>
          <c:showBubbleSize val="0"/>
        </c:dLbls>
        <c:marker val="1"/>
        <c:smooth val="0"/>
        <c:axId val="521377935"/>
        <c:axId val="521405391"/>
      </c:lineChart>
      <c:catAx>
        <c:axId val="521377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405391"/>
        <c:crosses val="autoZero"/>
        <c:auto val="1"/>
        <c:lblAlgn val="ctr"/>
        <c:lblOffset val="100"/>
        <c:noMultiLvlLbl val="0"/>
      </c:catAx>
      <c:valAx>
        <c:axId val="521405391"/>
        <c:scaling>
          <c:orientation val="minMax"/>
          <c:max val="750000"/>
          <c:min val="25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377935"/>
        <c:crosses val="autoZero"/>
        <c:crossBetween val="between"/>
        <c:majorUnit val="5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H30輸入まとめ!$L$6</c:f>
              <c:strCache>
                <c:ptCount val="1"/>
                <c:pt idx="0">
                  <c:v>1.食料品</c:v>
                </c:pt>
              </c:strCache>
            </c:strRef>
          </c:tx>
          <c:spPr>
            <a:solidFill>
              <a:srgbClr val="0070C0"/>
            </a:solidFill>
            <a:ln>
              <a:noFill/>
            </a:ln>
            <a:effectLst/>
          </c:spPr>
          <c:invertIfNegative val="0"/>
          <c:cat>
            <c:strRef>
              <c:f>H30輸入まとめ!$M$5:$O$5</c:f>
              <c:strCache>
                <c:ptCount val="3"/>
                <c:pt idx="0">
                  <c:v>阪神港</c:v>
                </c:pt>
                <c:pt idx="1">
                  <c:v>東京港</c:v>
                </c:pt>
                <c:pt idx="2">
                  <c:v>名古屋港</c:v>
                </c:pt>
              </c:strCache>
            </c:strRef>
          </c:cat>
          <c:val>
            <c:numRef>
              <c:f>H30輸入まとめ!$M$6:$O$6</c:f>
              <c:numCache>
                <c:formatCode>0.00%</c:formatCode>
                <c:ptCount val="3"/>
                <c:pt idx="0">
                  <c:v>0.1754</c:v>
                </c:pt>
                <c:pt idx="1">
                  <c:v>0.18090000000000001</c:v>
                </c:pt>
                <c:pt idx="2">
                  <c:v>6.0900000000000003E-2</c:v>
                </c:pt>
              </c:numCache>
            </c:numRef>
          </c:val>
          <c:extLst>
            <c:ext xmlns:c16="http://schemas.microsoft.com/office/drawing/2014/chart" uri="{C3380CC4-5D6E-409C-BE32-E72D297353CC}">
              <c16:uniqueId val="{00000000-104B-4E8D-86DE-A41FE6A74281}"/>
            </c:ext>
          </c:extLst>
        </c:ser>
        <c:ser>
          <c:idx val="1"/>
          <c:order val="1"/>
          <c:tx>
            <c:strRef>
              <c:f>H30輸入まとめ!$L$7</c:f>
              <c:strCache>
                <c:ptCount val="1"/>
                <c:pt idx="0">
                  <c:v>2.原料品</c:v>
                </c:pt>
              </c:strCache>
            </c:strRef>
          </c:tx>
          <c:spPr>
            <a:pattFill prst="trellis">
              <a:fgClr>
                <a:schemeClr val="accent5">
                  <a:lumMod val="75000"/>
                </a:schemeClr>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7:$O$7</c:f>
              <c:numCache>
                <c:formatCode>0.00%</c:formatCode>
                <c:ptCount val="3"/>
                <c:pt idx="0">
                  <c:v>5.5800000000000002E-2</c:v>
                </c:pt>
                <c:pt idx="1">
                  <c:v>2.6800000000000001E-2</c:v>
                </c:pt>
                <c:pt idx="2">
                  <c:v>4.7500000000000001E-2</c:v>
                </c:pt>
              </c:numCache>
            </c:numRef>
          </c:val>
          <c:extLst>
            <c:ext xmlns:c16="http://schemas.microsoft.com/office/drawing/2014/chart" uri="{C3380CC4-5D6E-409C-BE32-E72D297353CC}">
              <c16:uniqueId val="{00000001-104B-4E8D-86DE-A41FE6A74281}"/>
            </c:ext>
          </c:extLst>
        </c:ser>
        <c:ser>
          <c:idx val="2"/>
          <c:order val="2"/>
          <c:tx>
            <c:strRef>
              <c:f>H30輸入まとめ!$L$8</c:f>
              <c:strCache>
                <c:ptCount val="1"/>
                <c:pt idx="0">
                  <c:v>3.鉱物性燃料</c:v>
                </c:pt>
              </c:strCache>
            </c:strRef>
          </c:tx>
          <c:spPr>
            <a:solidFill>
              <a:schemeClr val="accent6">
                <a:lumMod val="75000"/>
              </a:schemeClr>
            </a:solidFill>
            <a:ln>
              <a:noFill/>
            </a:ln>
            <a:effectLst/>
          </c:spPr>
          <c:invertIfNegative val="0"/>
          <c:cat>
            <c:strRef>
              <c:f>H30輸入まとめ!$M$5:$O$5</c:f>
              <c:strCache>
                <c:ptCount val="3"/>
                <c:pt idx="0">
                  <c:v>阪神港</c:v>
                </c:pt>
                <c:pt idx="1">
                  <c:v>東京港</c:v>
                </c:pt>
                <c:pt idx="2">
                  <c:v>名古屋港</c:v>
                </c:pt>
              </c:strCache>
            </c:strRef>
          </c:cat>
          <c:val>
            <c:numRef>
              <c:f>H30輸入まとめ!$M$8:$O$8</c:f>
              <c:numCache>
                <c:formatCode>0.00%</c:formatCode>
                <c:ptCount val="3"/>
                <c:pt idx="0">
                  <c:v>9.7999999999999997E-3</c:v>
                </c:pt>
                <c:pt idx="1">
                  <c:v>1E-3</c:v>
                </c:pt>
                <c:pt idx="2">
                  <c:v>0.23269999999999999</c:v>
                </c:pt>
              </c:numCache>
            </c:numRef>
          </c:val>
          <c:extLst>
            <c:ext xmlns:c16="http://schemas.microsoft.com/office/drawing/2014/chart" uri="{C3380CC4-5D6E-409C-BE32-E72D297353CC}">
              <c16:uniqueId val="{00000002-104B-4E8D-86DE-A41FE6A74281}"/>
            </c:ext>
          </c:extLst>
        </c:ser>
        <c:ser>
          <c:idx val="3"/>
          <c:order val="3"/>
          <c:tx>
            <c:strRef>
              <c:f>H30輸入まとめ!$L$9</c:f>
              <c:strCache>
                <c:ptCount val="1"/>
                <c:pt idx="0">
                  <c:v>4.化学製品</c:v>
                </c:pt>
              </c:strCache>
            </c:strRef>
          </c:tx>
          <c:spPr>
            <a:pattFill prst="ltVert">
              <a:fgClr>
                <a:srgbClr val="00206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9:$O$9</c:f>
              <c:numCache>
                <c:formatCode>0.00%</c:formatCode>
                <c:ptCount val="3"/>
                <c:pt idx="0">
                  <c:v>0.12540000000000001</c:v>
                </c:pt>
                <c:pt idx="1">
                  <c:v>9.0399999999999994E-2</c:v>
                </c:pt>
                <c:pt idx="2">
                  <c:v>9.5100000000000004E-2</c:v>
                </c:pt>
              </c:numCache>
            </c:numRef>
          </c:val>
          <c:extLst>
            <c:ext xmlns:c16="http://schemas.microsoft.com/office/drawing/2014/chart" uri="{C3380CC4-5D6E-409C-BE32-E72D297353CC}">
              <c16:uniqueId val="{00000003-104B-4E8D-86DE-A41FE6A74281}"/>
            </c:ext>
          </c:extLst>
        </c:ser>
        <c:ser>
          <c:idx val="4"/>
          <c:order val="4"/>
          <c:tx>
            <c:strRef>
              <c:f>H30輸入まとめ!$L$10</c:f>
              <c:strCache>
                <c:ptCount val="1"/>
                <c:pt idx="0">
                  <c:v>5.原料別製品</c:v>
                </c:pt>
              </c:strCache>
            </c:strRef>
          </c:tx>
          <c:spPr>
            <a:solidFill>
              <a:srgbClr val="C00000"/>
            </a:solidFill>
            <a:ln>
              <a:noFill/>
            </a:ln>
            <a:effectLst/>
          </c:spPr>
          <c:invertIfNegative val="0"/>
          <c:cat>
            <c:strRef>
              <c:f>H30輸入まとめ!$M$5:$O$5</c:f>
              <c:strCache>
                <c:ptCount val="3"/>
                <c:pt idx="0">
                  <c:v>阪神港</c:v>
                </c:pt>
                <c:pt idx="1">
                  <c:v>東京港</c:v>
                </c:pt>
                <c:pt idx="2">
                  <c:v>名古屋港</c:v>
                </c:pt>
              </c:strCache>
            </c:strRef>
          </c:cat>
          <c:val>
            <c:numRef>
              <c:f>H30輸入まとめ!$M$10:$O$10</c:f>
              <c:numCache>
                <c:formatCode>0.00%</c:formatCode>
                <c:ptCount val="3"/>
                <c:pt idx="0">
                  <c:v>0.15049999999999999</c:v>
                </c:pt>
                <c:pt idx="1">
                  <c:v>9.3700000000000006E-2</c:v>
                </c:pt>
                <c:pt idx="2">
                  <c:v>0.12529999999999999</c:v>
                </c:pt>
              </c:numCache>
            </c:numRef>
          </c:val>
          <c:extLst>
            <c:ext xmlns:c16="http://schemas.microsoft.com/office/drawing/2014/chart" uri="{C3380CC4-5D6E-409C-BE32-E72D297353CC}">
              <c16:uniqueId val="{00000004-104B-4E8D-86DE-A41FE6A74281}"/>
            </c:ext>
          </c:extLst>
        </c:ser>
        <c:ser>
          <c:idx val="5"/>
          <c:order val="5"/>
          <c:tx>
            <c:strRef>
              <c:f>H30輸入まとめ!$L$11</c:f>
              <c:strCache>
                <c:ptCount val="1"/>
                <c:pt idx="0">
                  <c:v>6.一般機械</c:v>
                </c:pt>
              </c:strCache>
            </c:strRef>
          </c:tx>
          <c:spPr>
            <a:pattFill prst="dkUpDiag">
              <a:fgClr>
                <a:srgbClr val="92D05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1:$O$11</c:f>
              <c:numCache>
                <c:formatCode>0.00%</c:formatCode>
                <c:ptCount val="3"/>
                <c:pt idx="0">
                  <c:v>0.10780000000000001</c:v>
                </c:pt>
                <c:pt idx="1">
                  <c:v>0.33939999999999998</c:v>
                </c:pt>
                <c:pt idx="2">
                  <c:v>0.33200000000000002</c:v>
                </c:pt>
              </c:numCache>
            </c:numRef>
          </c:val>
          <c:extLst>
            <c:ext xmlns:c16="http://schemas.microsoft.com/office/drawing/2014/chart" uri="{C3380CC4-5D6E-409C-BE32-E72D297353CC}">
              <c16:uniqueId val="{00000005-104B-4E8D-86DE-A41FE6A74281}"/>
            </c:ext>
          </c:extLst>
        </c:ser>
        <c:ser>
          <c:idx val="6"/>
          <c:order val="6"/>
          <c:tx>
            <c:strRef>
              <c:f>H30輸入まとめ!$L$12</c:f>
              <c:strCache>
                <c:ptCount val="1"/>
                <c:pt idx="0">
                  <c:v>7.電気機器</c:v>
                </c:pt>
              </c:strCache>
            </c:strRef>
          </c:tx>
          <c:spPr>
            <a:pattFill prst="pct90">
              <a:fgClr>
                <a:srgbClr val="0070C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2:$O$12</c:f>
              <c:numCache>
                <c:formatCode>General</c:formatCode>
                <c:ptCount val="3"/>
                <c:pt idx="0" formatCode="0.00%">
                  <c:v>0.11799999999999999</c:v>
                </c:pt>
              </c:numCache>
            </c:numRef>
          </c:val>
          <c:extLst>
            <c:ext xmlns:c16="http://schemas.microsoft.com/office/drawing/2014/chart" uri="{C3380CC4-5D6E-409C-BE32-E72D297353CC}">
              <c16:uniqueId val="{00000006-104B-4E8D-86DE-A41FE6A74281}"/>
            </c:ext>
          </c:extLst>
        </c:ser>
        <c:ser>
          <c:idx val="7"/>
          <c:order val="7"/>
          <c:tx>
            <c:strRef>
              <c:f>H30輸入まとめ!$L$13</c:f>
              <c:strCache>
                <c:ptCount val="1"/>
                <c:pt idx="0">
                  <c:v>8.輸送用機器</c:v>
                </c:pt>
              </c:strCache>
            </c:strRef>
          </c:tx>
          <c:spPr>
            <a:solidFill>
              <a:srgbClr val="FFC000"/>
            </a:solidFill>
            <a:ln>
              <a:noFill/>
            </a:ln>
            <a:effectLst/>
          </c:spPr>
          <c:invertIfNegative val="0"/>
          <c:cat>
            <c:strRef>
              <c:f>H30輸入まとめ!$M$5:$O$5</c:f>
              <c:strCache>
                <c:ptCount val="3"/>
                <c:pt idx="0">
                  <c:v>阪神港</c:v>
                </c:pt>
                <c:pt idx="1">
                  <c:v>東京港</c:v>
                </c:pt>
                <c:pt idx="2">
                  <c:v>名古屋港</c:v>
                </c:pt>
              </c:strCache>
            </c:strRef>
          </c:cat>
          <c:val>
            <c:numRef>
              <c:f>H30輸入まとめ!$M$13:$O$13</c:f>
              <c:numCache>
                <c:formatCode>General</c:formatCode>
                <c:ptCount val="3"/>
                <c:pt idx="0" formatCode="0.00%">
                  <c:v>1.9E-2</c:v>
                </c:pt>
              </c:numCache>
            </c:numRef>
          </c:val>
          <c:extLst>
            <c:ext xmlns:c16="http://schemas.microsoft.com/office/drawing/2014/chart" uri="{C3380CC4-5D6E-409C-BE32-E72D297353CC}">
              <c16:uniqueId val="{00000007-104B-4E8D-86DE-A41FE6A74281}"/>
            </c:ext>
          </c:extLst>
        </c:ser>
        <c:ser>
          <c:idx val="8"/>
          <c:order val="8"/>
          <c:tx>
            <c:strRef>
              <c:f>H30輸入まとめ!$L$14</c:f>
              <c:strCache>
                <c:ptCount val="1"/>
                <c:pt idx="0">
                  <c:v>9.その他</c:v>
                </c:pt>
              </c:strCache>
            </c:strRef>
          </c:tx>
          <c:spPr>
            <a:pattFill prst="pct75">
              <a:fgClr>
                <a:srgbClr val="7030A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4:$O$14</c:f>
              <c:numCache>
                <c:formatCode>0.00%</c:formatCode>
                <c:ptCount val="3"/>
                <c:pt idx="0">
                  <c:v>0.23849999999999999</c:v>
                </c:pt>
                <c:pt idx="1">
                  <c:v>0.26779999999999998</c:v>
                </c:pt>
                <c:pt idx="2">
                  <c:v>0.1065</c:v>
                </c:pt>
              </c:numCache>
            </c:numRef>
          </c:val>
          <c:extLst>
            <c:ext xmlns:c16="http://schemas.microsoft.com/office/drawing/2014/chart" uri="{C3380CC4-5D6E-409C-BE32-E72D297353CC}">
              <c16:uniqueId val="{00000008-104B-4E8D-86DE-A41FE6A74281}"/>
            </c:ext>
          </c:extLst>
        </c:ser>
        <c:dLbls>
          <c:showLegendKey val="0"/>
          <c:showVal val="0"/>
          <c:showCatName val="0"/>
          <c:showSerName val="0"/>
          <c:showPercent val="0"/>
          <c:showBubbleSize val="0"/>
        </c:dLbls>
        <c:gapWidth val="95"/>
        <c:overlap val="100"/>
        <c:axId val="120108928"/>
        <c:axId val="120110464"/>
      </c:barChart>
      <c:catAx>
        <c:axId val="1201089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10464"/>
        <c:crosses val="autoZero"/>
        <c:auto val="1"/>
        <c:lblAlgn val="ctr"/>
        <c:lblOffset val="100"/>
        <c:noMultiLvlLbl val="0"/>
      </c:catAx>
      <c:valAx>
        <c:axId val="12011046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08928"/>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userShapes r:id="rId4"/>
</c:chartSpace>
</file>

<file path=ppt/charts/chart9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3973882202250288"/>
          <c:y val="6.0474064821906169E-2"/>
          <c:w val="0.64511968982463619"/>
          <c:h val="0.51288859725867597"/>
        </c:manualLayout>
      </c:layout>
      <c:lineChart>
        <c:grouping val="standard"/>
        <c:varyColors val="0"/>
        <c:ser>
          <c:idx val="0"/>
          <c:order val="0"/>
          <c:tx>
            <c:strRef>
              <c:f>H30輸入まとめ!$K$52</c:f>
              <c:strCache>
                <c:ptCount val="1"/>
                <c:pt idx="0">
                  <c:v>　衣類及び同附属品</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cat>
            <c:strRef>
              <c:f>H30輸入まとめ!$L$51:$O$51</c:f>
              <c:strCache>
                <c:ptCount val="4"/>
                <c:pt idx="0">
                  <c:v>2016年</c:v>
                </c:pt>
                <c:pt idx="1">
                  <c:v>2017年</c:v>
                </c:pt>
                <c:pt idx="2">
                  <c:v>2018年</c:v>
                </c:pt>
                <c:pt idx="3">
                  <c:v>2019年</c:v>
                </c:pt>
              </c:strCache>
            </c:strRef>
          </c:cat>
          <c:val>
            <c:numRef>
              <c:f>H30輸入まとめ!$L$52:$O$52</c:f>
              <c:numCache>
                <c:formatCode>#,##0_);[Red]\(#,##0\)</c:formatCode>
                <c:ptCount val="4"/>
                <c:pt idx="0">
                  <c:v>918777</c:v>
                </c:pt>
                <c:pt idx="1">
                  <c:v>928080</c:v>
                </c:pt>
                <c:pt idx="2">
                  <c:v>974643</c:v>
                </c:pt>
                <c:pt idx="3">
                  <c:v>935271</c:v>
                </c:pt>
              </c:numCache>
            </c:numRef>
          </c:val>
          <c:smooth val="0"/>
          <c:extLst>
            <c:ext xmlns:c16="http://schemas.microsoft.com/office/drawing/2014/chart" uri="{C3380CC4-5D6E-409C-BE32-E72D297353CC}">
              <c16:uniqueId val="{00000000-C2C5-4BAD-907D-770DA0F156A6}"/>
            </c:ext>
          </c:extLst>
        </c:ser>
        <c:ser>
          <c:idx val="1"/>
          <c:order val="1"/>
          <c:tx>
            <c:strRef>
              <c:f>H30輸入まとめ!$K$53</c:f>
              <c:strCache>
                <c:ptCount val="1"/>
                <c:pt idx="0">
                  <c:v>  肉類及び同調製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strRef>
              <c:f>H30輸入まとめ!$L$51:$O$51</c:f>
              <c:strCache>
                <c:ptCount val="4"/>
                <c:pt idx="0">
                  <c:v>2016年</c:v>
                </c:pt>
                <c:pt idx="1">
                  <c:v>2017年</c:v>
                </c:pt>
                <c:pt idx="2">
                  <c:v>2018年</c:v>
                </c:pt>
                <c:pt idx="3">
                  <c:v>2019年</c:v>
                </c:pt>
              </c:strCache>
            </c:strRef>
          </c:cat>
          <c:val>
            <c:numRef>
              <c:f>H30輸入まとめ!$L$53:$O$53</c:f>
              <c:numCache>
                <c:formatCode>#,##0_);[Red]\(#,##0\)</c:formatCode>
                <c:ptCount val="4"/>
                <c:pt idx="0">
                  <c:v>326042</c:v>
                </c:pt>
                <c:pt idx="1">
                  <c:v>381217</c:v>
                </c:pt>
                <c:pt idx="2">
                  <c:v>381747</c:v>
                </c:pt>
                <c:pt idx="3">
                  <c:v>378590</c:v>
                </c:pt>
              </c:numCache>
            </c:numRef>
          </c:val>
          <c:smooth val="0"/>
          <c:extLst>
            <c:ext xmlns:c16="http://schemas.microsoft.com/office/drawing/2014/chart" uri="{C3380CC4-5D6E-409C-BE32-E72D297353CC}">
              <c16:uniqueId val="{00000001-C2C5-4BAD-907D-770DA0F156A6}"/>
            </c:ext>
          </c:extLst>
        </c:ser>
        <c:ser>
          <c:idx val="2"/>
          <c:order val="2"/>
          <c:tx>
            <c:strRef>
              <c:f>H30輸入まとめ!$K$54</c:f>
              <c:strCache>
                <c:ptCount val="1"/>
                <c:pt idx="0">
                  <c:v>　織物用糸及び繊維製品</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strRef>
              <c:f>H30輸入まとめ!$L$51:$O$51</c:f>
              <c:strCache>
                <c:ptCount val="4"/>
                <c:pt idx="0">
                  <c:v>2016年</c:v>
                </c:pt>
                <c:pt idx="1">
                  <c:v>2017年</c:v>
                </c:pt>
                <c:pt idx="2">
                  <c:v>2018年</c:v>
                </c:pt>
                <c:pt idx="3">
                  <c:v>2019年</c:v>
                </c:pt>
              </c:strCache>
            </c:strRef>
          </c:cat>
          <c:val>
            <c:numRef>
              <c:f>H30輸入まとめ!$L$54:$O$54</c:f>
              <c:numCache>
                <c:formatCode>#,##0_);[Red]\(#,##0\)</c:formatCode>
                <c:ptCount val="4"/>
                <c:pt idx="0">
                  <c:v>275840</c:v>
                </c:pt>
                <c:pt idx="1">
                  <c:v>289004</c:v>
                </c:pt>
                <c:pt idx="2">
                  <c:v>301834</c:v>
                </c:pt>
                <c:pt idx="3">
                  <c:v>290932</c:v>
                </c:pt>
              </c:numCache>
            </c:numRef>
          </c:val>
          <c:smooth val="0"/>
          <c:extLst>
            <c:ext xmlns:c16="http://schemas.microsoft.com/office/drawing/2014/chart" uri="{C3380CC4-5D6E-409C-BE32-E72D297353CC}">
              <c16:uniqueId val="{00000002-C2C5-4BAD-907D-770DA0F156A6}"/>
            </c:ext>
          </c:extLst>
        </c:ser>
        <c:ser>
          <c:idx val="3"/>
          <c:order val="3"/>
          <c:tx>
            <c:strRef>
              <c:f>H30輸入まとめ!$K$55</c:f>
              <c:strCache>
                <c:ptCount val="1"/>
                <c:pt idx="0">
                  <c:v>　金属製品</c:v>
                </c:pt>
              </c:strCache>
            </c:strRef>
          </c:tx>
          <c:spPr>
            <a:ln w="28575" cap="rnd">
              <a:solidFill>
                <a:schemeClr val="accent4"/>
              </a:solidFill>
              <a:round/>
            </a:ln>
            <a:effectLst/>
          </c:spPr>
          <c:marker>
            <c:symbol val="star"/>
            <c:size val="5"/>
            <c:spPr>
              <a:noFill/>
              <a:ln w="9525">
                <a:solidFill>
                  <a:schemeClr val="accent4"/>
                </a:solidFill>
              </a:ln>
              <a:effectLst/>
            </c:spPr>
          </c:marker>
          <c:cat>
            <c:strRef>
              <c:f>H30輸入まとめ!$L$51:$O$51</c:f>
              <c:strCache>
                <c:ptCount val="4"/>
                <c:pt idx="0">
                  <c:v>2016年</c:v>
                </c:pt>
                <c:pt idx="1">
                  <c:v>2017年</c:v>
                </c:pt>
                <c:pt idx="2">
                  <c:v>2018年</c:v>
                </c:pt>
                <c:pt idx="3">
                  <c:v>2019年</c:v>
                </c:pt>
              </c:strCache>
            </c:strRef>
          </c:cat>
          <c:val>
            <c:numRef>
              <c:f>H30輸入まとめ!$L$55:$O$55</c:f>
              <c:numCache>
                <c:formatCode>#,##0_);[Red]\(#,##0\)</c:formatCode>
                <c:ptCount val="4"/>
                <c:pt idx="0">
                  <c:v>189503</c:v>
                </c:pt>
                <c:pt idx="1">
                  <c:v>204775</c:v>
                </c:pt>
                <c:pt idx="2">
                  <c:v>220318</c:v>
                </c:pt>
                <c:pt idx="3">
                  <c:v>229494</c:v>
                </c:pt>
              </c:numCache>
            </c:numRef>
          </c:val>
          <c:smooth val="0"/>
          <c:extLst>
            <c:ext xmlns:c16="http://schemas.microsoft.com/office/drawing/2014/chart" uri="{C3380CC4-5D6E-409C-BE32-E72D297353CC}">
              <c16:uniqueId val="{00000003-C2C5-4BAD-907D-770DA0F156A6}"/>
            </c:ext>
          </c:extLst>
        </c:ser>
        <c:ser>
          <c:idx val="4"/>
          <c:order val="4"/>
          <c:tx>
            <c:strRef>
              <c:f>H30輸入まとめ!$K$56</c:f>
              <c:strCache>
                <c:ptCount val="1"/>
                <c:pt idx="0">
                  <c:v>　たばこ</c:v>
                </c:pt>
              </c:strCache>
            </c:strRef>
          </c:tx>
          <c:spPr>
            <a:ln w="28575" cap="rnd">
              <a:solidFill>
                <a:schemeClr val="accent5"/>
              </a:solidFill>
              <a:round/>
            </a:ln>
            <a:effectLst/>
          </c:spPr>
          <c:marker>
            <c:symbol val="x"/>
            <c:size val="5"/>
            <c:spPr>
              <a:noFill/>
              <a:ln w="9525">
                <a:solidFill>
                  <a:schemeClr val="accent5"/>
                </a:solidFill>
              </a:ln>
              <a:effectLst/>
            </c:spPr>
          </c:marker>
          <c:cat>
            <c:strRef>
              <c:f>H30輸入まとめ!$L$51:$O$51</c:f>
              <c:strCache>
                <c:ptCount val="4"/>
                <c:pt idx="0">
                  <c:v>2016年</c:v>
                </c:pt>
                <c:pt idx="1">
                  <c:v>2017年</c:v>
                </c:pt>
                <c:pt idx="2">
                  <c:v>2018年</c:v>
                </c:pt>
                <c:pt idx="3">
                  <c:v>2019年</c:v>
                </c:pt>
              </c:strCache>
            </c:strRef>
          </c:cat>
          <c:val>
            <c:numRef>
              <c:f>H30輸入まとめ!$L$56:$O$56</c:f>
              <c:numCache>
                <c:formatCode>#,##0_);[Red]\(#,##0\)</c:formatCode>
                <c:ptCount val="4"/>
                <c:pt idx="0">
                  <c:v>125007</c:v>
                </c:pt>
                <c:pt idx="1">
                  <c:v>194897</c:v>
                </c:pt>
                <c:pt idx="2">
                  <c:v>219702</c:v>
                </c:pt>
                <c:pt idx="3">
                  <c:v>225194</c:v>
                </c:pt>
              </c:numCache>
            </c:numRef>
          </c:val>
          <c:smooth val="0"/>
          <c:extLst>
            <c:ext xmlns:c16="http://schemas.microsoft.com/office/drawing/2014/chart" uri="{C3380CC4-5D6E-409C-BE32-E72D297353CC}">
              <c16:uniqueId val="{00000004-C2C5-4BAD-907D-770DA0F156A6}"/>
            </c:ext>
          </c:extLst>
        </c:ser>
        <c:dLbls>
          <c:showLegendKey val="0"/>
          <c:showVal val="0"/>
          <c:showCatName val="0"/>
          <c:showSerName val="0"/>
          <c:showPercent val="0"/>
          <c:showBubbleSize val="0"/>
        </c:dLbls>
        <c:marker val="1"/>
        <c:smooth val="0"/>
        <c:axId val="517573679"/>
        <c:axId val="517579087"/>
      </c:lineChart>
      <c:catAx>
        <c:axId val="517573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9087"/>
        <c:crosses val="autoZero"/>
        <c:auto val="1"/>
        <c:lblAlgn val="ctr"/>
        <c:lblOffset val="100"/>
        <c:noMultiLvlLbl val="0"/>
      </c:catAx>
      <c:valAx>
        <c:axId val="517579087"/>
        <c:scaling>
          <c:orientation val="minMax"/>
          <c:max val="1100000"/>
          <c:min val="1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3679"/>
        <c:crosses val="autoZero"/>
        <c:crossBetween val="between"/>
        <c:majorUnit val="20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5696393896660363E-2"/>
          <c:y val="6.082248392039806E-2"/>
          <c:w val="0.90173050722245951"/>
          <c:h val="0.84117488752567871"/>
        </c:manualLayout>
      </c:layout>
      <c:lineChart>
        <c:grouping val="standard"/>
        <c:varyColors val="0"/>
        <c:ser>
          <c:idx val="0"/>
          <c:order val="0"/>
          <c:tx>
            <c:strRef>
              <c:f>外貿定期コンテナ航路!$D$4</c:f>
              <c:strCache>
                <c:ptCount val="1"/>
                <c:pt idx="0">
                  <c:v>東京港</c:v>
                </c:pt>
              </c:strCache>
            </c:strRef>
          </c:tx>
          <c:spPr>
            <a:ln w="19050"/>
          </c:spPr>
          <c:marker>
            <c:symbol val="diamond"/>
            <c:size val="7"/>
          </c:marker>
          <c:dLbls>
            <c:dLbl>
              <c:idx val="19"/>
              <c:layout>
                <c:manualLayout>
                  <c:x val="-1.9367228192138763E-2"/>
                  <c:y val="-4.7724262893534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pt idx="18">
                  <c:v>2019</c:v>
                </c:pt>
                <c:pt idx="19">
                  <c:v>2020</c:v>
                </c:pt>
              </c:numCache>
            </c:numRef>
          </c:cat>
          <c:val>
            <c:numRef>
              <c:f>外貿定期コンテナ航路!$D$5:$D$24</c:f>
              <c:numCache>
                <c:formatCode>General</c:formatCode>
                <c:ptCount val="20"/>
                <c:pt idx="0">
                  <c:v>55</c:v>
                </c:pt>
                <c:pt idx="1">
                  <c:v>54</c:v>
                </c:pt>
                <c:pt idx="2">
                  <c:v>47</c:v>
                </c:pt>
                <c:pt idx="3">
                  <c:v>50</c:v>
                </c:pt>
                <c:pt idx="4">
                  <c:v>98</c:v>
                </c:pt>
                <c:pt idx="5">
                  <c:v>84</c:v>
                </c:pt>
                <c:pt idx="6">
                  <c:v>83</c:v>
                </c:pt>
                <c:pt idx="7">
                  <c:v>78</c:v>
                </c:pt>
                <c:pt idx="8">
                  <c:v>76</c:v>
                </c:pt>
                <c:pt idx="9">
                  <c:v>74</c:v>
                </c:pt>
                <c:pt idx="10">
                  <c:v>82</c:v>
                </c:pt>
                <c:pt idx="11">
                  <c:v>82</c:v>
                </c:pt>
                <c:pt idx="12">
                  <c:v>81</c:v>
                </c:pt>
                <c:pt idx="13">
                  <c:v>60</c:v>
                </c:pt>
                <c:pt idx="14">
                  <c:v>81</c:v>
                </c:pt>
                <c:pt idx="15">
                  <c:v>79</c:v>
                </c:pt>
                <c:pt idx="16">
                  <c:v>78</c:v>
                </c:pt>
                <c:pt idx="17">
                  <c:v>86</c:v>
                </c:pt>
                <c:pt idx="18">
                  <c:v>83</c:v>
                </c:pt>
                <c:pt idx="19">
                  <c:v>81</c:v>
                </c:pt>
              </c:numCache>
            </c:numRef>
          </c:val>
          <c:smooth val="0"/>
          <c:extLst>
            <c:ext xmlns:c16="http://schemas.microsoft.com/office/drawing/2014/chart" uri="{C3380CC4-5D6E-409C-BE32-E72D297353CC}">
              <c16:uniqueId val="{00000001-D25C-4AC0-B67A-C9561199715A}"/>
            </c:ext>
          </c:extLst>
        </c:ser>
        <c:ser>
          <c:idx val="1"/>
          <c:order val="1"/>
          <c:tx>
            <c:strRef>
              <c:f>外貿定期コンテナ航路!$E$4</c:f>
              <c:strCache>
                <c:ptCount val="1"/>
                <c:pt idx="0">
                  <c:v>横浜港</c:v>
                </c:pt>
              </c:strCache>
            </c:strRef>
          </c:tx>
          <c:dLbls>
            <c:dLbl>
              <c:idx val="19"/>
              <c:layout>
                <c:manualLayout>
                  <c:x val="8.4625181522124931E-3"/>
                  <c:y val="4.366141572913486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pt idx="18">
                  <c:v>2019</c:v>
                </c:pt>
                <c:pt idx="19">
                  <c:v>2020</c:v>
                </c:pt>
              </c:numCache>
            </c:numRef>
          </c:cat>
          <c:val>
            <c:numRef>
              <c:f>外貿定期コンテナ航路!$E$5:$E$24</c:f>
              <c:numCache>
                <c:formatCode>General</c:formatCode>
                <c:ptCount val="20"/>
                <c:pt idx="0">
                  <c:v>92</c:v>
                </c:pt>
                <c:pt idx="1">
                  <c:v>84</c:v>
                </c:pt>
                <c:pt idx="2">
                  <c:v>58</c:v>
                </c:pt>
                <c:pt idx="3">
                  <c:v>63</c:v>
                </c:pt>
                <c:pt idx="4">
                  <c:v>100</c:v>
                </c:pt>
                <c:pt idx="5">
                  <c:v>90</c:v>
                </c:pt>
                <c:pt idx="6">
                  <c:v>79</c:v>
                </c:pt>
                <c:pt idx="7">
                  <c:v>73</c:v>
                </c:pt>
                <c:pt idx="8">
                  <c:v>72</c:v>
                </c:pt>
                <c:pt idx="9">
                  <c:v>71</c:v>
                </c:pt>
                <c:pt idx="10">
                  <c:v>84</c:v>
                </c:pt>
                <c:pt idx="11">
                  <c:v>68</c:v>
                </c:pt>
                <c:pt idx="12">
                  <c:v>72.5</c:v>
                </c:pt>
                <c:pt idx="13">
                  <c:v>57</c:v>
                </c:pt>
                <c:pt idx="14">
                  <c:v>74</c:v>
                </c:pt>
                <c:pt idx="15">
                  <c:v>74.5</c:v>
                </c:pt>
                <c:pt idx="16">
                  <c:v>74.5</c:v>
                </c:pt>
                <c:pt idx="17">
                  <c:v>79.5</c:v>
                </c:pt>
                <c:pt idx="18">
                  <c:v>79.5</c:v>
                </c:pt>
                <c:pt idx="19">
                  <c:v>79.5</c:v>
                </c:pt>
              </c:numCache>
            </c:numRef>
          </c:val>
          <c:smooth val="0"/>
          <c:extLst>
            <c:ext xmlns:c16="http://schemas.microsoft.com/office/drawing/2014/chart" uri="{C3380CC4-5D6E-409C-BE32-E72D297353CC}">
              <c16:uniqueId val="{00000003-D25C-4AC0-B67A-C9561199715A}"/>
            </c:ext>
          </c:extLst>
        </c:ser>
        <c:ser>
          <c:idx val="2"/>
          <c:order val="2"/>
          <c:tx>
            <c:strRef>
              <c:f>外貿定期コンテナ航路!$F$4</c:f>
              <c:strCache>
                <c:ptCount val="1"/>
                <c:pt idx="0">
                  <c:v>名古屋港</c:v>
                </c:pt>
              </c:strCache>
            </c:strRef>
          </c:tx>
          <c:dLbls>
            <c:dLbl>
              <c:idx val="19"/>
              <c:layout>
                <c:manualLayout>
                  <c:x val="8.4625181522124931E-3"/>
                  <c:y val="-9.53293229002141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pt idx="18">
                  <c:v>2019</c:v>
                </c:pt>
                <c:pt idx="19">
                  <c:v>2020</c:v>
                </c:pt>
              </c:numCache>
            </c:numRef>
          </c:cat>
          <c:val>
            <c:numRef>
              <c:f>外貿定期コンテナ航路!$F$5:$F$24</c:f>
              <c:numCache>
                <c:formatCode>General</c:formatCode>
                <c:ptCount val="20"/>
                <c:pt idx="0">
                  <c:v>76</c:v>
                </c:pt>
                <c:pt idx="1">
                  <c:v>71</c:v>
                </c:pt>
                <c:pt idx="2">
                  <c:v>53</c:v>
                </c:pt>
                <c:pt idx="3">
                  <c:v>50</c:v>
                </c:pt>
                <c:pt idx="4">
                  <c:v>87</c:v>
                </c:pt>
                <c:pt idx="5">
                  <c:v>82</c:v>
                </c:pt>
                <c:pt idx="6">
                  <c:v>70</c:v>
                </c:pt>
                <c:pt idx="7">
                  <c:v>63</c:v>
                </c:pt>
                <c:pt idx="8">
                  <c:v>63</c:v>
                </c:pt>
                <c:pt idx="9">
                  <c:v>60</c:v>
                </c:pt>
                <c:pt idx="10">
                  <c:v>75</c:v>
                </c:pt>
                <c:pt idx="11">
                  <c:v>76</c:v>
                </c:pt>
                <c:pt idx="12">
                  <c:v>68.5</c:v>
                </c:pt>
                <c:pt idx="13">
                  <c:v>54.4</c:v>
                </c:pt>
                <c:pt idx="14">
                  <c:v>70.5</c:v>
                </c:pt>
                <c:pt idx="15">
                  <c:v>69.5</c:v>
                </c:pt>
                <c:pt idx="16">
                  <c:v>61</c:v>
                </c:pt>
                <c:pt idx="17">
                  <c:v>75</c:v>
                </c:pt>
                <c:pt idx="18">
                  <c:v>75.5</c:v>
                </c:pt>
                <c:pt idx="19">
                  <c:v>68.5</c:v>
                </c:pt>
              </c:numCache>
            </c:numRef>
          </c:val>
          <c:smooth val="0"/>
          <c:extLst>
            <c:ext xmlns:c16="http://schemas.microsoft.com/office/drawing/2014/chart" uri="{C3380CC4-5D6E-409C-BE32-E72D297353CC}">
              <c16:uniqueId val="{00000005-D25C-4AC0-B67A-C9561199715A}"/>
            </c:ext>
          </c:extLst>
        </c:ser>
        <c:ser>
          <c:idx val="3"/>
          <c:order val="3"/>
          <c:tx>
            <c:strRef>
              <c:f>外貿定期コンテナ航路!$G$4</c:f>
              <c:strCache>
                <c:ptCount val="1"/>
                <c:pt idx="0">
                  <c:v>大阪港</c:v>
                </c:pt>
              </c:strCache>
            </c:strRef>
          </c:tx>
          <c:dLbls>
            <c:dLbl>
              <c:idx val="19"/>
              <c:layout>
                <c:manualLayout>
                  <c:x val="-2.7538721357651903E-2"/>
                  <c:y val="6.09137055837563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pt idx="18">
                  <c:v>2019</c:v>
                </c:pt>
                <c:pt idx="19">
                  <c:v>2020</c:v>
                </c:pt>
              </c:numCache>
            </c:numRef>
          </c:cat>
          <c:val>
            <c:numRef>
              <c:f>外貿定期コンテナ航路!$G$5:$G$24</c:f>
              <c:numCache>
                <c:formatCode>General</c:formatCode>
                <c:ptCount val="20"/>
                <c:pt idx="0">
                  <c:v>92</c:v>
                </c:pt>
                <c:pt idx="1">
                  <c:v>87</c:v>
                </c:pt>
                <c:pt idx="2">
                  <c:v>63</c:v>
                </c:pt>
                <c:pt idx="3">
                  <c:v>74</c:v>
                </c:pt>
                <c:pt idx="4">
                  <c:v>110</c:v>
                </c:pt>
                <c:pt idx="5">
                  <c:v>89</c:v>
                </c:pt>
                <c:pt idx="6">
                  <c:v>74</c:v>
                </c:pt>
                <c:pt idx="7">
                  <c:v>69</c:v>
                </c:pt>
                <c:pt idx="8">
                  <c:v>65</c:v>
                </c:pt>
                <c:pt idx="9">
                  <c:v>65</c:v>
                </c:pt>
                <c:pt idx="10">
                  <c:v>74</c:v>
                </c:pt>
                <c:pt idx="11">
                  <c:v>74</c:v>
                </c:pt>
                <c:pt idx="12">
                  <c:v>70.7</c:v>
                </c:pt>
                <c:pt idx="13">
                  <c:v>62.6</c:v>
                </c:pt>
                <c:pt idx="14">
                  <c:v>65.5</c:v>
                </c:pt>
                <c:pt idx="15">
                  <c:v>67</c:v>
                </c:pt>
                <c:pt idx="16">
                  <c:v>68</c:v>
                </c:pt>
                <c:pt idx="17">
                  <c:v>68.5</c:v>
                </c:pt>
                <c:pt idx="18">
                  <c:v>68</c:v>
                </c:pt>
                <c:pt idx="19">
                  <c:v>68</c:v>
                </c:pt>
              </c:numCache>
            </c:numRef>
          </c:val>
          <c:smooth val="0"/>
          <c:extLst>
            <c:ext xmlns:c16="http://schemas.microsoft.com/office/drawing/2014/chart" uri="{C3380CC4-5D6E-409C-BE32-E72D297353CC}">
              <c16:uniqueId val="{00000007-D25C-4AC0-B67A-C9561199715A}"/>
            </c:ext>
          </c:extLst>
        </c:ser>
        <c:ser>
          <c:idx val="4"/>
          <c:order val="4"/>
          <c:tx>
            <c:strRef>
              <c:f>外貿定期コンテナ航路!$H$4</c:f>
              <c:strCache>
                <c:ptCount val="1"/>
                <c:pt idx="0">
                  <c:v>神戸港</c:v>
                </c:pt>
              </c:strCache>
            </c:strRef>
          </c:tx>
          <c:dLbls>
            <c:dLbl>
              <c:idx val="19"/>
              <c:layout>
                <c:manualLayout>
                  <c:x val="6.884680339412765E-3"/>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pt idx="18">
                  <c:v>2019</c:v>
                </c:pt>
                <c:pt idx="19">
                  <c:v>2020</c:v>
                </c:pt>
              </c:numCache>
            </c:numRef>
          </c:cat>
          <c:val>
            <c:numRef>
              <c:f>外貿定期コンテナ航路!$H$5:$H$24</c:f>
              <c:numCache>
                <c:formatCode>General</c:formatCode>
                <c:ptCount val="20"/>
                <c:pt idx="0">
                  <c:v>91</c:v>
                </c:pt>
                <c:pt idx="1">
                  <c:v>81</c:v>
                </c:pt>
                <c:pt idx="2">
                  <c:v>63</c:v>
                </c:pt>
                <c:pt idx="3">
                  <c:v>69</c:v>
                </c:pt>
                <c:pt idx="4">
                  <c:v>87</c:v>
                </c:pt>
                <c:pt idx="5">
                  <c:v>78</c:v>
                </c:pt>
                <c:pt idx="6">
                  <c:v>76</c:v>
                </c:pt>
                <c:pt idx="7">
                  <c:v>68</c:v>
                </c:pt>
                <c:pt idx="8">
                  <c:v>67</c:v>
                </c:pt>
                <c:pt idx="9">
                  <c:v>67</c:v>
                </c:pt>
                <c:pt idx="10">
                  <c:v>69</c:v>
                </c:pt>
                <c:pt idx="11">
                  <c:v>69</c:v>
                </c:pt>
                <c:pt idx="12">
                  <c:v>72</c:v>
                </c:pt>
                <c:pt idx="13">
                  <c:v>62.6</c:v>
                </c:pt>
                <c:pt idx="14">
                  <c:v>69.2</c:v>
                </c:pt>
                <c:pt idx="15">
                  <c:v>67.2</c:v>
                </c:pt>
                <c:pt idx="16">
                  <c:v>71.5</c:v>
                </c:pt>
                <c:pt idx="17">
                  <c:v>76</c:v>
                </c:pt>
                <c:pt idx="18">
                  <c:v>71</c:v>
                </c:pt>
                <c:pt idx="19">
                  <c:v>73.5</c:v>
                </c:pt>
              </c:numCache>
            </c:numRef>
          </c:val>
          <c:smooth val="0"/>
          <c:extLst>
            <c:ext xmlns:c16="http://schemas.microsoft.com/office/drawing/2014/chart" uri="{C3380CC4-5D6E-409C-BE32-E72D297353CC}">
              <c16:uniqueId val="{00000009-D25C-4AC0-B67A-C9561199715A}"/>
            </c:ext>
          </c:extLst>
        </c:ser>
        <c:dLbls>
          <c:showLegendKey val="0"/>
          <c:showVal val="0"/>
          <c:showCatName val="0"/>
          <c:showSerName val="0"/>
          <c:showPercent val="0"/>
          <c:showBubbleSize val="0"/>
        </c:dLbls>
        <c:marker val="1"/>
        <c:smooth val="0"/>
        <c:axId val="115204096"/>
        <c:axId val="115205632"/>
      </c:lineChart>
      <c:catAx>
        <c:axId val="115204096"/>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15205632"/>
        <c:crosses val="autoZero"/>
        <c:auto val="1"/>
        <c:lblAlgn val="ctr"/>
        <c:lblOffset val="100"/>
        <c:tickLblSkip val="1"/>
        <c:noMultiLvlLbl val="0"/>
      </c:catAx>
      <c:valAx>
        <c:axId val="115205632"/>
        <c:scaling>
          <c:orientation val="minMax"/>
          <c:max val="110"/>
          <c:min val="40"/>
        </c:scaling>
        <c:delete val="0"/>
        <c:axPos val="l"/>
        <c:majorGridlines/>
        <c:title>
          <c:tx>
            <c:rich>
              <a:bodyPr rot="0" vert="horz"/>
              <a:lstStyle/>
              <a:p>
                <a:pPr>
                  <a:defRPr b="0">
                    <a:solidFill>
                      <a:schemeClr val="tx1"/>
                    </a:solidFill>
                    <a:latin typeface="+mj-ea"/>
                    <a:ea typeface="+mj-ea"/>
                  </a:defRPr>
                </a:pPr>
                <a:r>
                  <a:rPr lang="ja-JP" altLang="en-US" b="0" dirty="0" smtClean="0">
                    <a:solidFill>
                      <a:schemeClr val="tx1"/>
                    </a:solidFill>
                    <a:latin typeface="+mj-ea"/>
                    <a:ea typeface="+mj-ea"/>
                  </a:rPr>
                  <a:t>（</a:t>
                </a:r>
                <a:r>
                  <a:rPr lang="ja-JP" altLang="ja-JP" sz="1000" b="0" i="0" u="none" strike="noStrike" baseline="0" dirty="0" smtClean="0">
                    <a:solidFill>
                      <a:schemeClr val="tx1"/>
                    </a:solidFill>
                    <a:effectLst/>
                    <a:latin typeface="+mj-ea"/>
                    <a:ea typeface="+mj-ea"/>
                  </a:rPr>
                  <a:t>便</a:t>
                </a:r>
                <a:r>
                  <a:rPr lang="en-US" altLang="ja-JP" b="0" dirty="0" smtClean="0">
                    <a:solidFill>
                      <a:schemeClr val="tx1"/>
                    </a:solidFill>
                    <a:latin typeface="+mj-ea"/>
                    <a:ea typeface="+mj-ea"/>
                  </a:rPr>
                  <a:t>/</a:t>
                </a:r>
                <a:r>
                  <a:rPr lang="ja-JP" altLang="ja-JP" sz="1000" b="0" i="0" u="none" strike="noStrike" baseline="0" dirty="0" smtClean="0">
                    <a:solidFill>
                      <a:schemeClr val="tx1"/>
                    </a:solidFill>
                    <a:effectLst/>
                    <a:latin typeface="+mj-ea"/>
                    <a:ea typeface="+mj-ea"/>
                  </a:rPr>
                  <a:t>週</a:t>
                </a:r>
                <a:r>
                  <a:rPr lang="ja-JP" altLang="en-US" b="0" dirty="0" smtClean="0">
                    <a:solidFill>
                      <a:schemeClr val="tx1"/>
                    </a:solidFill>
                    <a:latin typeface="+mj-ea"/>
                    <a:ea typeface="+mj-ea"/>
                  </a:rPr>
                  <a:t>）</a:t>
                </a:r>
                <a:endParaRPr lang="ja-JP" altLang="en-US" b="0" dirty="0">
                  <a:solidFill>
                    <a:schemeClr val="tx1"/>
                  </a:solidFill>
                  <a:latin typeface="+mj-ea"/>
                  <a:ea typeface="+mj-ea"/>
                </a:endParaRPr>
              </a:p>
            </c:rich>
          </c:tx>
          <c:layout>
            <c:manualLayout>
              <c:xMode val="edge"/>
              <c:yMode val="edge"/>
              <c:x val="1.269377722831874E-2"/>
              <c:y val="4.7733823215611194E-3"/>
            </c:manualLayout>
          </c:layout>
          <c:overlay val="0"/>
        </c:title>
        <c:numFmt formatCode="General" sourceLinked="1"/>
        <c:majorTickMark val="out"/>
        <c:minorTickMark val="none"/>
        <c:tickLblPos val="nextTo"/>
        <c:crossAx val="115204096"/>
        <c:crosses val="autoZero"/>
        <c:crossBetween val="between"/>
      </c:valAx>
      <c:spPr>
        <a:noFill/>
        <a:ln>
          <a:noFill/>
        </a:ln>
      </c:spPr>
    </c:plotArea>
    <c:legend>
      <c:legendPos val="t"/>
      <c:layout>
        <c:manualLayout>
          <c:xMode val="edge"/>
          <c:yMode val="edge"/>
          <c:x val="0.32823709088389114"/>
          <c:y val="8.7548420863989118E-2"/>
          <c:w val="0.62624831911316492"/>
          <c:h val="5.3019705024181622E-2"/>
        </c:manualLayout>
      </c:layout>
      <c:overlay val="0"/>
      <c:txPr>
        <a:bodyPr/>
        <a:lstStyle/>
        <a:p>
          <a:pPr>
            <a:defRPr sz="1000"/>
          </a:pPr>
          <a:endParaRPr lang="ja-JP"/>
        </a:p>
      </c:txPr>
    </c:legend>
    <c:plotVisOnly val="1"/>
    <c:dispBlanksAs val="gap"/>
    <c:showDLblsOverMax val="0"/>
  </c:chart>
  <c:spPr>
    <a:ln>
      <a:noFill/>
    </a:ln>
  </c:spPr>
  <c:externalData r:id="rId1">
    <c:autoUpdate val="0"/>
  </c:externalData>
</c:chartSpace>
</file>

<file path=ppt/charts/chart9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5</c:f>
              <c:strCache>
                <c:ptCount val="1"/>
                <c:pt idx="0">
                  <c:v>入園者数</c:v>
                </c:pt>
              </c:strCache>
            </c:strRef>
          </c:tx>
          <c:marker>
            <c:symbol val="diamond"/>
            <c:size val="5"/>
          </c:marker>
          <c:dLbls>
            <c:dLbl>
              <c:idx val="1"/>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4E2-40B2-9FB4-909C5AE2BDE2}"/>
                </c:ext>
              </c:extLst>
            </c:dLbl>
            <c:dLbl>
              <c:idx val="2"/>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4E2-40B2-9FB4-909C5AE2BDE2}"/>
                </c:ext>
              </c:extLst>
            </c:dLbl>
            <c:dLbl>
              <c:idx val="3"/>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4E2-40B2-9FB4-909C5AE2BDE2}"/>
                </c:ext>
              </c:extLst>
            </c:dLbl>
            <c:dLbl>
              <c:idx val="4"/>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4E2-40B2-9FB4-909C5AE2BDE2}"/>
                </c:ext>
              </c:extLst>
            </c:dLbl>
            <c:dLbl>
              <c:idx val="5"/>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4E2-40B2-9FB4-909C5AE2BDE2}"/>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4:$L$4</c:f>
              <c:strCache>
                <c:ptCount val="10"/>
                <c:pt idx="0">
                  <c:v>2010年度</c:v>
                </c:pt>
                <c:pt idx="1">
                  <c:v>2011年度</c:v>
                </c:pt>
                <c:pt idx="2">
                  <c:v>2012年度</c:v>
                </c:pt>
                <c:pt idx="3">
                  <c:v>2013年度</c:v>
                </c:pt>
                <c:pt idx="4">
                  <c:v>2014年度</c:v>
                </c:pt>
                <c:pt idx="5">
                  <c:v>2015年度</c:v>
                </c:pt>
                <c:pt idx="6">
                  <c:v>2016年度</c:v>
                </c:pt>
                <c:pt idx="7">
                  <c:v>2017年度</c:v>
                </c:pt>
                <c:pt idx="8">
                  <c:v>2018年度</c:v>
                </c:pt>
                <c:pt idx="9">
                  <c:v>2019年度</c:v>
                </c:pt>
              </c:strCache>
            </c:strRef>
          </c:cat>
          <c:val>
            <c:numRef>
              <c:f>Sheet1!$C$5:$L$5</c:f>
              <c:numCache>
                <c:formatCode>General</c:formatCode>
                <c:ptCount val="10"/>
                <c:pt idx="0">
                  <c:v>120</c:v>
                </c:pt>
                <c:pt idx="1">
                  <c:v>123</c:v>
                </c:pt>
                <c:pt idx="2">
                  <c:v>124</c:v>
                </c:pt>
                <c:pt idx="3">
                  <c:v>116</c:v>
                </c:pt>
                <c:pt idx="4">
                  <c:v>136</c:v>
                </c:pt>
                <c:pt idx="5">
                  <c:v>173</c:v>
                </c:pt>
                <c:pt idx="6">
                  <c:v>167</c:v>
                </c:pt>
                <c:pt idx="7">
                  <c:v>174</c:v>
                </c:pt>
                <c:pt idx="8">
                  <c:v>168</c:v>
                </c:pt>
                <c:pt idx="9">
                  <c:v>149</c:v>
                </c:pt>
              </c:numCache>
            </c:numRef>
          </c:val>
          <c:smooth val="0"/>
          <c:extLst>
            <c:ext xmlns:c16="http://schemas.microsoft.com/office/drawing/2014/chart" uri="{C3380CC4-5D6E-409C-BE32-E72D297353CC}">
              <c16:uniqueId val="{00000005-B4E2-40B2-9FB4-909C5AE2BDE2}"/>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crossAx val="90639744"/>
        <c:crosses val="autoZero"/>
        <c:auto val="1"/>
        <c:lblAlgn val="ctr"/>
        <c:lblOffset val="100"/>
        <c:noMultiLvlLbl val="0"/>
      </c:catAx>
      <c:valAx>
        <c:axId val="90639744"/>
        <c:scaling>
          <c:orientation val="minMax"/>
          <c:max val="180"/>
          <c:min val="100"/>
        </c:scaling>
        <c:delete val="0"/>
        <c:axPos val="l"/>
        <c:majorGridlines/>
        <c:numFmt formatCode="General" sourceLinked="1"/>
        <c:majorTickMark val="out"/>
        <c:minorTickMark val="none"/>
        <c:tickLblPos val="nextTo"/>
        <c:crossAx val="90637056"/>
        <c:crosses val="autoZero"/>
        <c:crossBetween val="between"/>
        <c:majorUnit val="10"/>
      </c:valAx>
    </c:plotArea>
    <c:plotVisOnly val="1"/>
    <c:dispBlanksAs val="gap"/>
    <c:showDLblsOverMax val="0"/>
  </c:chart>
  <c:externalData r:id="rId1">
    <c:autoUpdate val="0"/>
  </c:externalData>
</c:chartSpace>
</file>

<file path=ppt/charts/chart9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多数の者が利用する建築物</c:v>
                </c:pt>
              </c:strCache>
            </c:strRef>
          </c:tx>
          <c:spPr>
            <a:ln w="28575" cap="rnd">
              <a:solidFill>
                <a:schemeClr val="tx1">
                  <a:lumMod val="65000"/>
                  <a:lumOff val="35000"/>
                </a:schemeClr>
              </a:solidFill>
              <a:round/>
            </a:ln>
            <a:effectLst/>
          </c:spPr>
          <c:marker>
            <c:symbol val="none"/>
          </c:marker>
          <c:cat>
            <c:strRef>
              <c:f>Sheet1!$A$2:$A$16</c:f>
              <c:strCache>
                <c:ptCount val="15"/>
                <c:pt idx="0">
                  <c:v>H18</c:v>
                </c:pt>
                <c:pt idx="1">
                  <c:v>H19</c:v>
                </c:pt>
                <c:pt idx="2">
                  <c:v>H20</c:v>
                </c:pt>
                <c:pt idx="3">
                  <c:v>H21</c:v>
                </c:pt>
                <c:pt idx="4">
                  <c:v>H22</c:v>
                </c:pt>
                <c:pt idx="5">
                  <c:v>H23</c:v>
                </c:pt>
                <c:pt idx="6">
                  <c:v>H24</c:v>
                </c:pt>
                <c:pt idx="7">
                  <c:v>H25</c:v>
                </c:pt>
                <c:pt idx="8">
                  <c:v>H26</c:v>
                </c:pt>
                <c:pt idx="9">
                  <c:v>H27</c:v>
                </c:pt>
                <c:pt idx="10">
                  <c:v>H28</c:v>
                </c:pt>
                <c:pt idx="11">
                  <c:v>H29</c:v>
                </c:pt>
                <c:pt idx="12">
                  <c:v>H30</c:v>
                </c:pt>
                <c:pt idx="13">
                  <c:v>R1</c:v>
                </c:pt>
                <c:pt idx="14">
                  <c:v>R2</c:v>
                </c:pt>
              </c:strCache>
            </c:strRef>
          </c:cat>
          <c:val>
            <c:numRef>
              <c:f>Sheet1!$B$2:$B$16</c:f>
              <c:numCache>
                <c:formatCode>General</c:formatCode>
                <c:ptCount val="15"/>
                <c:pt idx="0">
                  <c:v>79</c:v>
                </c:pt>
                <c:pt idx="1">
                  <c:v>80.75</c:v>
                </c:pt>
                <c:pt idx="2">
                  <c:v>82.5</c:v>
                </c:pt>
                <c:pt idx="3">
                  <c:v>84.25</c:v>
                </c:pt>
                <c:pt idx="4">
                  <c:v>86</c:v>
                </c:pt>
                <c:pt idx="5">
                  <c:v>86.86</c:v>
                </c:pt>
                <c:pt idx="6">
                  <c:v>87.72</c:v>
                </c:pt>
                <c:pt idx="7">
                  <c:v>88.58</c:v>
                </c:pt>
                <c:pt idx="8">
                  <c:v>89.44</c:v>
                </c:pt>
                <c:pt idx="9">
                  <c:v>90.3</c:v>
                </c:pt>
                <c:pt idx="10">
                  <c:v>91.02</c:v>
                </c:pt>
                <c:pt idx="11">
                  <c:v>91.74</c:v>
                </c:pt>
                <c:pt idx="12">
                  <c:v>92.46</c:v>
                </c:pt>
                <c:pt idx="13">
                  <c:v>93.18</c:v>
                </c:pt>
                <c:pt idx="14">
                  <c:v>93.9</c:v>
                </c:pt>
              </c:numCache>
            </c:numRef>
          </c:val>
          <c:smooth val="0"/>
          <c:extLst>
            <c:ext xmlns:c16="http://schemas.microsoft.com/office/drawing/2014/chart" uri="{C3380CC4-5D6E-409C-BE32-E72D297353CC}">
              <c16:uniqueId val="{00000000-F56A-4E5E-A4D4-A21AB907DCCE}"/>
            </c:ext>
          </c:extLst>
        </c:ser>
        <c:ser>
          <c:idx val="1"/>
          <c:order val="1"/>
          <c:tx>
            <c:strRef>
              <c:f>Sheet1!$B$1:$D$1</c:f>
              <c:strCache>
                <c:ptCount val="1"/>
                <c:pt idx="0">
                  <c:v>多数の者が利用する建築物 民間住宅 府有建築物</c:v>
                </c:pt>
              </c:strCache>
            </c:strRef>
          </c:tx>
          <c:spPr>
            <a:ln w="28575" cap="rnd">
              <a:solidFill>
                <a:schemeClr val="tx1">
                  <a:lumMod val="65000"/>
                  <a:lumOff val="35000"/>
                </a:schemeClr>
              </a:solidFill>
              <a:round/>
            </a:ln>
            <a:effectLst/>
          </c:spPr>
          <c:marker>
            <c:symbol val="none"/>
          </c:marker>
          <c:cat>
            <c:strRef>
              <c:f>Sheet1!$A$2:$A$16</c:f>
              <c:strCache>
                <c:ptCount val="15"/>
                <c:pt idx="0">
                  <c:v>H18</c:v>
                </c:pt>
                <c:pt idx="1">
                  <c:v>H19</c:v>
                </c:pt>
                <c:pt idx="2">
                  <c:v>H20</c:v>
                </c:pt>
                <c:pt idx="3">
                  <c:v>H21</c:v>
                </c:pt>
                <c:pt idx="4">
                  <c:v>H22</c:v>
                </c:pt>
                <c:pt idx="5">
                  <c:v>H23</c:v>
                </c:pt>
                <c:pt idx="6">
                  <c:v>H24</c:v>
                </c:pt>
                <c:pt idx="7">
                  <c:v>H25</c:v>
                </c:pt>
                <c:pt idx="8">
                  <c:v>H26</c:v>
                </c:pt>
                <c:pt idx="9">
                  <c:v>H27</c:v>
                </c:pt>
                <c:pt idx="10">
                  <c:v>H28</c:v>
                </c:pt>
                <c:pt idx="11">
                  <c:v>H29</c:v>
                </c:pt>
                <c:pt idx="12">
                  <c:v>H30</c:v>
                </c:pt>
                <c:pt idx="13">
                  <c:v>R1</c:v>
                </c:pt>
                <c:pt idx="14">
                  <c:v>R2</c:v>
                </c:pt>
              </c:strCache>
            </c:strRef>
          </c:cat>
          <c:val>
            <c:numRef>
              <c:f>Sheet1!$C$2:$C$16</c:f>
              <c:numCache>
                <c:formatCode>General</c:formatCode>
                <c:ptCount val="15"/>
                <c:pt idx="0">
                  <c:v>73.2</c:v>
                </c:pt>
                <c:pt idx="1">
                  <c:v>74.650000000000006</c:v>
                </c:pt>
                <c:pt idx="2">
                  <c:v>76.099999999999994</c:v>
                </c:pt>
                <c:pt idx="3">
                  <c:v>77.55</c:v>
                </c:pt>
                <c:pt idx="4">
                  <c:v>79</c:v>
                </c:pt>
                <c:pt idx="5">
                  <c:v>80.180000000000007</c:v>
                </c:pt>
                <c:pt idx="6">
                  <c:v>81.36</c:v>
                </c:pt>
                <c:pt idx="7">
                  <c:v>82.54</c:v>
                </c:pt>
                <c:pt idx="8">
                  <c:v>83.72</c:v>
                </c:pt>
                <c:pt idx="9">
                  <c:v>84.9</c:v>
                </c:pt>
                <c:pt idx="10">
                  <c:v>85.66</c:v>
                </c:pt>
                <c:pt idx="11">
                  <c:v>86.42</c:v>
                </c:pt>
                <c:pt idx="12">
                  <c:v>87.18</c:v>
                </c:pt>
                <c:pt idx="13">
                  <c:v>87.94</c:v>
                </c:pt>
                <c:pt idx="14">
                  <c:v>88.7</c:v>
                </c:pt>
              </c:numCache>
            </c:numRef>
          </c:val>
          <c:smooth val="0"/>
          <c:extLst>
            <c:ext xmlns:c16="http://schemas.microsoft.com/office/drawing/2014/chart" uri="{C3380CC4-5D6E-409C-BE32-E72D297353CC}">
              <c16:uniqueId val="{00000001-F56A-4E5E-A4D4-A21AB907DCCE}"/>
            </c:ext>
          </c:extLst>
        </c:ser>
        <c:ser>
          <c:idx val="2"/>
          <c:order val="2"/>
          <c:tx>
            <c:strRef>
              <c:f>Sheet1!$D$1</c:f>
              <c:strCache>
                <c:ptCount val="1"/>
                <c:pt idx="0">
                  <c:v>府有建築物</c:v>
                </c:pt>
              </c:strCache>
            </c:strRef>
          </c:tx>
          <c:spPr>
            <a:ln w="28575" cap="rnd">
              <a:solidFill>
                <a:schemeClr val="accent6">
                  <a:lumMod val="75000"/>
                </a:schemeClr>
              </a:solidFill>
              <a:round/>
            </a:ln>
            <a:effectLst/>
          </c:spPr>
          <c:marker>
            <c:symbol val="none"/>
          </c:marker>
          <c:cat>
            <c:strRef>
              <c:f>Sheet1!$A$2:$A$16</c:f>
              <c:strCache>
                <c:ptCount val="15"/>
                <c:pt idx="0">
                  <c:v>H18</c:v>
                </c:pt>
                <c:pt idx="1">
                  <c:v>H19</c:v>
                </c:pt>
                <c:pt idx="2">
                  <c:v>H20</c:v>
                </c:pt>
                <c:pt idx="3">
                  <c:v>H21</c:v>
                </c:pt>
                <c:pt idx="4">
                  <c:v>H22</c:v>
                </c:pt>
                <c:pt idx="5">
                  <c:v>H23</c:v>
                </c:pt>
                <c:pt idx="6">
                  <c:v>H24</c:v>
                </c:pt>
                <c:pt idx="7">
                  <c:v>H25</c:v>
                </c:pt>
                <c:pt idx="8">
                  <c:v>H26</c:v>
                </c:pt>
                <c:pt idx="9">
                  <c:v>H27</c:v>
                </c:pt>
                <c:pt idx="10">
                  <c:v>H28</c:v>
                </c:pt>
                <c:pt idx="11">
                  <c:v>H29</c:v>
                </c:pt>
                <c:pt idx="12">
                  <c:v>H30</c:v>
                </c:pt>
                <c:pt idx="13">
                  <c:v>R1</c:v>
                </c:pt>
                <c:pt idx="14">
                  <c:v>R2</c:v>
                </c:pt>
              </c:strCache>
            </c:strRef>
          </c:cat>
          <c:val>
            <c:numRef>
              <c:f>Sheet1!$D$2:$D$16</c:f>
              <c:numCache>
                <c:formatCode>General</c:formatCode>
                <c:ptCount val="15"/>
                <c:pt idx="1">
                  <c:v>56.6</c:v>
                </c:pt>
                <c:pt idx="2">
                  <c:v>60.9</c:v>
                </c:pt>
                <c:pt idx="3">
                  <c:v>63.9</c:v>
                </c:pt>
                <c:pt idx="4">
                  <c:v>67.5</c:v>
                </c:pt>
                <c:pt idx="5">
                  <c:v>71.599999999999994</c:v>
                </c:pt>
                <c:pt idx="6">
                  <c:v>74.5</c:v>
                </c:pt>
                <c:pt idx="7">
                  <c:v>78.5</c:v>
                </c:pt>
                <c:pt idx="8">
                  <c:v>82.1</c:v>
                </c:pt>
                <c:pt idx="9">
                  <c:v>84.9</c:v>
                </c:pt>
                <c:pt idx="10">
                  <c:v>85.9</c:v>
                </c:pt>
                <c:pt idx="11">
                  <c:v>88.2</c:v>
                </c:pt>
                <c:pt idx="12">
                  <c:v>90.1</c:v>
                </c:pt>
                <c:pt idx="13">
                  <c:v>92.2</c:v>
                </c:pt>
                <c:pt idx="14">
                  <c:v>94.4</c:v>
                </c:pt>
              </c:numCache>
            </c:numRef>
          </c:val>
          <c:smooth val="0"/>
          <c:extLst>
            <c:ext xmlns:c16="http://schemas.microsoft.com/office/drawing/2014/chart" uri="{C3380CC4-5D6E-409C-BE32-E72D297353CC}">
              <c16:uniqueId val="{00000002-F56A-4E5E-A4D4-A21AB907DCCE}"/>
            </c:ext>
          </c:extLst>
        </c:ser>
        <c:dLbls>
          <c:showLegendKey val="0"/>
          <c:showVal val="0"/>
          <c:showCatName val="0"/>
          <c:showSerName val="0"/>
          <c:showPercent val="0"/>
          <c:showBubbleSize val="0"/>
        </c:dLbls>
        <c:smooth val="0"/>
        <c:axId val="983206800"/>
        <c:axId val="983209712"/>
      </c:lineChart>
      <c:catAx>
        <c:axId val="9832068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983209712"/>
        <c:crosses val="autoZero"/>
        <c:auto val="1"/>
        <c:lblAlgn val="ctr"/>
        <c:lblOffset val="100"/>
        <c:noMultiLvlLbl val="0"/>
      </c:catAx>
      <c:valAx>
        <c:axId val="983209712"/>
        <c:scaling>
          <c:orientation val="minMax"/>
          <c:max val="100"/>
          <c:min val="50"/>
        </c:scaling>
        <c:delete val="0"/>
        <c:axPos val="l"/>
        <c:majorGridlines>
          <c:spPr>
            <a:ln w="9525" cap="flat" cmpd="sng" algn="ctr">
              <a:solidFill>
                <a:schemeClr val="tx1">
                  <a:lumMod val="50000"/>
                  <a:lumOff val="50000"/>
                </a:schemeClr>
              </a:solidFill>
              <a:round/>
            </a:ln>
            <a:effectLst/>
          </c:spPr>
        </c:majorGridlines>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98320680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charts/style11.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39">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800" kern="1200" cap="all" spc="1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50000"/>
        <a:lumOff val="50000"/>
      </a:schemeClr>
    </cs:fontRef>
    <cs:defRPr sz="900" b="0" i="0" u="none" strike="noStrike" kern="1200" baseline="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solidFill>
    </cs:spPr>
  </cs:dataPoint>
  <cs:dataPoint3D>
    <cs:lnRef idx="0"/>
    <cs:fillRef idx="0">
      <cs:styleClr val="auto"/>
    </cs:fillRef>
    <cs:effectRef idx="0"/>
    <cs:fontRef idx="minor">
      <a:schemeClr val="dk1"/>
    </cs:fontRef>
    <cs:spPr>
      <a:solidFill>
        <a:schemeClr val="phClr"/>
      </a:solidFill>
    </cs:spPr>
  </cs:dataPoint3D>
  <cs:dataPointLine>
    <cs:lnRef idx="0">
      <cs:styleClr val="auto"/>
    </cs:lnRef>
    <cs:fillRef idx="0"/>
    <cs:effectRef idx="0"/>
    <cs:fontRef idx="minor">
      <a:schemeClr val="dk1"/>
    </cs:fontRef>
    <cs:spPr>
      <a:ln w="22225" cap="rnd">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a:solidFill>
          <a:schemeClr val="phClr"/>
        </a:solidFill>
        <a:round/>
      </a:ln>
    </cs:spPr>
  </cs:dataPointMarker>
  <cs:dataPointMarkerLayout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15000"/>
            <a:lumOff val="85000"/>
          </a:schemeClr>
        </a:solidFill>
      </a:ln>
    </cs:spPr>
  </cs:downBar>
  <cs:dropLine>
    <cs:lnRef idx="0"/>
    <cs:fillRef idx="0"/>
    <cs:effectRef idx="0"/>
    <cs:fontRef idx="minor">
      <a:schemeClr val="dk1"/>
    </cs:fontRef>
    <cs:spPr>
      <a:ln w="9525">
        <a:solidFill>
          <a:schemeClr val="tx1">
            <a:lumMod val="35000"/>
            <a:lumOff val="65000"/>
          </a:schemeClr>
        </a:solidFill>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cap="all" spc="120" normalizeH="0" baseline="0"/>
  </cs:title>
  <cs:trendline>
    <cs:lnRef idx="0">
      <cs:styleClr val="auto"/>
    </cs:lnRef>
    <cs:fillRef idx="0"/>
    <cs:effectRef idx="0"/>
    <cs:fontRef idx="minor">
      <a:schemeClr val="dk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8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spPr>
      <a:ln w="9525" cap="flat" cmpd="sng" algn="ctr">
        <a:solidFill>
          <a:schemeClr val="dk1">
            <a:lumMod val="15000"/>
            <a:lumOff val="85000"/>
          </a:schemeClr>
        </a:solidFill>
        <a:round/>
      </a:ln>
    </cs:spPr>
    <cs:defRPr sz="900" kern="1200"/>
  </cs:valueAxis>
  <cs:wall>
    <cs:lnRef idx="0"/>
    <cs:fillRef idx="0"/>
    <cs:effectRef idx="0"/>
    <cs:fontRef idx="minor">
      <a:schemeClr val="dk1"/>
    </cs:fontRef>
  </cs:wall>
</cs:chartStyle>
</file>

<file path=ppt/drawings/_rels/vmlDrawing1.vml.rels><?xml version="1.0" encoding="UTF-8" standalone="yes"?>
<Relationships xmlns="http://schemas.openxmlformats.org/package/2006/relationships"><Relationship Id="rId1" Type="http://schemas.openxmlformats.org/officeDocument/2006/relationships/image" Target="../media/image1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5.emf"/></Relationships>
</file>

<file path=ppt/drawings/drawing1.xml><?xml version="1.0" encoding="utf-8"?>
<c:userShapes xmlns:c="http://schemas.openxmlformats.org/drawingml/2006/chart">
  <cdr:relSizeAnchor xmlns:cdr="http://schemas.openxmlformats.org/drawingml/2006/chartDrawing">
    <cdr:from>
      <cdr:x>0.0065</cdr:x>
      <cdr:y>0</cdr:y>
    </cdr:from>
    <cdr:to>
      <cdr:x>0.10442</cdr:x>
      <cdr:y>0.04843</cdr:y>
    </cdr:to>
    <cdr:sp macro="" textlink="">
      <cdr:nvSpPr>
        <cdr:cNvPr id="3" name="テキスト ボックス 2"/>
        <cdr:cNvSpPr txBox="1"/>
      </cdr:nvSpPr>
      <cdr:spPr>
        <a:xfrm xmlns:a="http://schemas.openxmlformats.org/drawingml/2006/main">
          <a:off x="26308" y="-2455076"/>
          <a:ext cx="396487" cy="19613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dirty="0"/>
            <a:t>(</a:t>
          </a:r>
          <a:r>
            <a:rPr lang="ja-JP" altLang="en-US" sz="900" dirty="0"/>
            <a:t>万人</a:t>
          </a:r>
          <a:r>
            <a:rPr lang="en-US" altLang="ja-JP" sz="900" dirty="0"/>
            <a:t>)</a:t>
          </a:r>
          <a:endParaRPr lang="ja-JP" altLang="en-US" sz="900" dirty="0"/>
        </a:p>
      </cdr:txBody>
    </cdr:sp>
  </cdr:relSizeAnchor>
  <cdr:relSizeAnchor xmlns:cdr="http://schemas.openxmlformats.org/drawingml/2006/chartDrawing">
    <cdr:from>
      <cdr:x>0.88477</cdr:x>
      <cdr:y>0.02613</cdr:y>
    </cdr:from>
    <cdr:to>
      <cdr:x>0.95835</cdr:x>
      <cdr:y>0.10167</cdr:y>
    </cdr:to>
    <cdr:sp macro="" textlink="">
      <cdr:nvSpPr>
        <cdr:cNvPr id="4" name="テキスト ボックス 1"/>
        <cdr:cNvSpPr txBox="1"/>
      </cdr:nvSpPr>
      <cdr:spPr>
        <a:xfrm xmlns:a="http://schemas.openxmlformats.org/drawingml/2006/main">
          <a:off x="3582520" y="105802"/>
          <a:ext cx="297933" cy="305922"/>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dirty="0">
              <a:latin typeface="ＭＳ Ｐゴシック" panose="020B0600070205080204" pitchFamily="50" charset="-128"/>
              <a:ea typeface="ＭＳ Ｐゴシック" panose="020B0600070205080204" pitchFamily="50" charset="-128"/>
            </a:rPr>
            <a:t>(%)</a:t>
          </a:r>
          <a:endParaRPr lang="ja-JP" altLang="en-US" sz="1000" dirty="0">
            <a:latin typeface="ＭＳ Ｐゴシック" panose="020B0600070205080204" pitchFamily="50" charset="-128"/>
            <a:ea typeface="ＭＳ Ｐゴシック" panose="020B0600070205080204"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0576</cdr:x>
      <cdr:y>0.00935</cdr:y>
    </cdr:from>
    <cdr:to>
      <cdr:x>0.22021</cdr:x>
      <cdr:y>0.07641</cdr:y>
    </cdr:to>
    <cdr:sp macro="" textlink="">
      <cdr:nvSpPr>
        <cdr:cNvPr id="2" name="正方形/長方形 1"/>
        <cdr:cNvSpPr/>
      </cdr:nvSpPr>
      <cdr:spPr>
        <a:xfrm xmlns:a="http://schemas.openxmlformats.org/drawingml/2006/main">
          <a:off x="21178" y="26806"/>
          <a:ext cx="788447" cy="192269"/>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千人）</a:t>
          </a:r>
          <a:endParaRPr lang="ja-JP" sz="800"/>
        </a:p>
      </cdr:txBody>
    </cdr:sp>
  </cdr:relSizeAnchor>
</c:userShapes>
</file>

<file path=ppt/drawings/drawing11.xml><?xml version="1.0" encoding="utf-8"?>
<c:userShapes xmlns:c="http://schemas.openxmlformats.org/drawingml/2006/chart">
  <cdr:relSizeAnchor xmlns:cdr="http://schemas.openxmlformats.org/drawingml/2006/chartDrawing">
    <cdr:from>
      <cdr:x>0</cdr:x>
      <cdr:y>2.12875E-7</cdr:y>
    </cdr:from>
    <cdr:to>
      <cdr:x>0.09056</cdr:x>
      <cdr:y>0.06314</cdr:y>
    </cdr:to>
    <cdr:sp macro="" textlink="">
      <cdr:nvSpPr>
        <cdr:cNvPr id="2" name="正方形/長方形 1"/>
        <cdr:cNvSpPr/>
      </cdr:nvSpPr>
      <cdr:spPr>
        <a:xfrm xmlns:a="http://schemas.openxmlformats.org/drawingml/2006/main">
          <a:off x="0" y="1"/>
          <a:ext cx="798782" cy="296612"/>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dirty="0">
              <a:solidFill>
                <a:sysClr val="windowText" lastClr="000000"/>
              </a:solidFill>
            </a:rPr>
            <a:t>(%)</a:t>
          </a:r>
          <a:endParaRPr lang="ja-JP" sz="1000" dirty="0">
            <a:solidFill>
              <a:sysClr val="windowText" lastClr="000000"/>
            </a:solidFill>
          </a:endParaRPr>
        </a:p>
      </cdr:txBody>
    </cdr:sp>
  </cdr:relSizeAnchor>
</c:userShapes>
</file>

<file path=ppt/drawings/drawing12.xml><?xml version="1.0" encoding="utf-8"?>
<c:userShapes xmlns:c="http://schemas.openxmlformats.org/drawingml/2006/chart">
  <cdr:relSizeAnchor xmlns:cdr="http://schemas.openxmlformats.org/drawingml/2006/chartDrawing">
    <cdr:from>
      <cdr:x>0.54539</cdr:x>
      <cdr:y>0.0711</cdr:y>
    </cdr:from>
    <cdr:to>
      <cdr:x>0.96142</cdr:x>
      <cdr:y>0.35717</cdr:y>
    </cdr:to>
    <cdr:sp macro="" textlink="">
      <cdr:nvSpPr>
        <cdr:cNvPr id="2" name="正方形/長方形 1"/>
        <cdr:cNvSpPr/>
      </cdr:nvSpPr>
      <cdr:spPr>
        <a:xfrm xmlns:a="http://schemas.openxmlformats.org/drawingml/2006/main">
          <a:off x="2493512" y="147109"/>
          <a:ext cx="1902085" cy="591896"/>
        </a:xfrm>
        <a:prstGeom xmlns:a="http://schemas.openxmlformats.org/drawingml/2006/main" prst="rect">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r>
            <a:rPr lang="ja-JP" altLang="en-US" sz="900" dirty="0">
              <a:solidFill>
                <a:schemeClr val="tx1"/>
              </a:solidFill>
            </a:rPr>
            <a:t>正規の職員以外 　　　</a:t>
          </a:r>
          <a:r>
            <a:rPr lang="en-US" altLang="ja-JP" sz="900" dirty="0" smtClean="0">
              <a:solidFill>
                <a:schemeClr val="tx1"/>
              </a:solidFill>
            </a:rPr>
            <a:t>1,405</a:t>
          </a:r>
          <a:r>
            <a:rPr lang="ja-JP" altLang="en-US" sz="900" dirty="0" smtClean="0">
              <a:solidFill>
                <a:schemeClr val="tx1"/>
              </a:solidFill>
            </a:rPr>
            <a:t>人</a:t>
          </a:r>
          <a:endParaRPr lang="en-US" altLang="ja-JP" sz="900" dirty="0">
            <a:solidFill>
              <a:schemeClr val="tx1"/>
            </a:solidFill>
          </a:endParaRPr>
        </a:p>
        <a:p xmlns:a="http://schemas.openxmlformats.org/drawingml/2006/main">
          <a:r>
            <a:rPr lang="ja-JP" altLang="en-US" sz="900" dirty="0">
              <a:solidFill>
                <a:schemeClr val="tx1"/>
              </a:solidFill>
            </a:rPr>
            <a:t>一時的な仕事　　　　　　</a:t>
          </a:r>
          <a:r>
            <a:rPr lang="en-US" altLang="ja-JP" sz="900" dirty="0" smtClean="0">
              <a:solidFill>
                <a:schemeClr val="tx1"/>
              </a:solidFill>
            </a:rPr>
            <a:t>890</a:t>
          </a:r>
          <a:r>
            <a:rPr lang="ja-JP" altLang="en-US" sz="900" dirty="0" smtClean="0">
              <a:solidFill>
                <a:schemeClr val="tx1"/>
              </a:solidFill>
            </a:rPr>
            <a:t>人</a:t>
          </a:r>
          <a:endParaRPr lang="en-US" altLang="ja-JP" sz="900" dirty="0">
            <a:solidFill>
              <a:schemeClr val="tx1"/>
            </a:solidFill>
          </a:endParaRPr>
        </a:p>
        <a:p xmlns:a="http://schemas.openxmlformats.org/drawingml/2006/main">
          <a:r>
            <a:rPr lang="ja-JP" altLang="en-US" sz="900" dirty="0">
              <a:solidFill>
                <a:schemeClr val="tx1"/>
              </a:solidFill>
            </a:rPr>
            <a:t>就職準備中・その他　 </a:t>
          </a:r>
          <a:r>
            <a:rPr lang="en-US" altLang="ja-JP" sz="900" dirty="0" smtClean="0">
              <a:solidFill>
                <a:schemeClr val="tx1"/>
              </a:solidFill>
            </a:rPr>
            <a:t>2,969</a:t>
          </a:r>
          <a:r>
            <a:rPr lang="ja-JP" altLang="en-US" sz="900" dirty="0" smtClean="0">
              <a:solidFill>
                <a:schemeClr val="tx1"/>
              </a:solidFill>
            </a:rPr>
            <a:t>人</a:t>
          </a:r>
          <a:endParaRPr lang="en-US" altLang="ja-JP" sz="900" dirty="0">
            <a:solidFill>
              <a:schemeClr val="tx1"/>
            </a:solidFill>
          </a:endParaRPr>
        </a:p>
      </cdr:txBody>
    </cdr:sp>
  </cdr:relSizeAnchor>
  <cdr:relSizeAnchor xmlns:cdr="http://schemas.openxmlformats.org/drawingml/2006/chartDrawing">
    <cdr:from>
      <cdr:x>0.48522</cdr:x>
      <cdr:y>0.55474</cdr:y>
    </cdr:from>
    <cdr:to>
      <cdr:x>0.95397</cdr:x>
      <cdr:y>0.79872</cdr:y>
    </cdr:to>
    <cdr:sp macro="" textlink="">
      <cdr:nvSpPr>
        <cdr:cNvPr id="3" name="角丸四角形 2"/>
        <cdr:cNvSpPr/>
      </cdr:nvSpPr>
      <cdr:spPr>
        <a:xfrm xmlns:a="http://schemas.openxmlformats.org/drawingml/2006/main">
          <a:off x="2218403" y="1147791"/>
          <a:ext cx="2143125" cy="504825"/>
        </a:xfrm>
        <a:prstGeom xmlns:a="http://schemas.openxmlformats.org/drawingml/2006/main" prst="roundRect">
          <a:avLst/>
        </a:prstGeom>
        <a:solidFill xmlns:a="http://schemas.openxmlformats.org/drawingml/2006/main">
          <a:sysClr val="window" lastClr="FFFFFF"/>
        </a:solidFill>
        <a:ln xmlns:a="http://schemas.openxmlformats.org/drawingml/2006/main" w="9525">
          <a:solidFill>
            <a:sysClr val="windowText" lastClr="0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r>
            <a:rPr kumimoji="1" lang="ja-JP" altLang="en-US" sz="900" dirty="0">
              <a:solidFill>
                <a:schemeClr val="tx1"/>
              </a:solidFill>
            </a:rPr>
            <a:t>平成</a:t>
          </a:r>
          <a:r>
            <a:rPr kumimoji="1" lang="en-US" altLang="ja-JP" sz="900" dirty="0" smtClean="0">
              <a:solidFill>
                <a:schemeClr val="tx1"/>
              </a:solidFill>
            </a:rPr>
            <a:t>31</a:t>
          </a:r>
          <a:r>
            <a:rPr kumimoji="1" lang="ja-JP" altLang="en-US" sz="900" dirty="0" smtClean="0">
              <a:solidFill>
                <a:schemeClr val="tx1"/>
              </a:solidFill>
            </a:rPr>
            <a:t>年</a:t>
          </a:r>
          <a:r>
            <a:rPr kumimoji="1" lang="en-US" altLang="ja-JP" sz="900" dirty="0">
              <a:solidFill>
                <a:schemeClr val="tx1"/>
              </a:solidFill>
            </a:rPr>
            <a:t>3</a:t>
          </a:r>
          <a:r>
            <a:rPr kumimoji="1" lang="ja-JP" altLang="en-US" sz="900" dirty="0">
              <a:solidFill>
                <a:schemeClr val="tx1"/>
              </a:solidFill>
            </a:rPr>
            <a:t>月に大阪府内の大学を卒業した者（進学等を除く</a:t>
          </a:r>
          <a:r>
            <a:rPr kumimoji="1" lang="ja-JP" altLang="en-US" sz="900" dirty="0" smtClean="0">
              <a:solidFill>
                <a:schemeClr val="tx1"/>
              </a:solidFill>
            </a:rPr>
            <a:t>）</a:t>
          </a:r>
          <a:r>
            <a:rPr kumimoji="1" lang="en-US" altLang="ja-JP" sz="900" b="1" dirty="0" smtClean="0">
              <a:solidFill>
                <a:schemeClr val="tx1"/>
              </a:solidFill>
            </a:rPr>
            <a:t>41,866</a:t>
          </a:r>
          <a:r>
            <a:rPr kumimoji="1" lang="ja-JP" altLang="en-US" sz="900" b="1" dirty="0" smtClean="0">
              <a:solidFill>
                <a:schemeClr val="tx1"/>
              </a:solidFill>
            </a:rPr>
            <a:t>人</a:t>
          </a:r>
          <a:endParaRPr kumimoji="1" lang="en-US" altLang="ja-JP" sz="900" b="1" dirty="0">
            <a:solidFill>
              <a:schemeClr val="tx1"/>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74783</cdr:x>
      <cdr:y>0.24918</cdr:y>
    </cdr:from>
    <cdr:to>
      <cdr:x>0.8521</cdr:x>
      <cdr:y>0.72399</cdr:y>
    </cdr:to>
    <cdr:sp macro="" textlink="">
      <cdr:nvSpPr>
        <cdr:cNvPr id="4" name="楕円 3"/>
        <cdr:cNvSpPr/>
      </cdr:nvSpPr>
      <cdr:spPr>
        <a:xfrm xmlns:a="http://schemas.openxmlformats.org/drawingml/2006/main">
          <a:off x="6144452" y="916817"/>
          <a:ext cx="856677" cy="1746998"/>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dr:relSizeAnchor xmlns:cdr="http://schemas.openxmlformats.org/drawingml/2006/chartDrawing">
    <cdr:from>
      <cdr:x>0.21166</cdr:x>
      <cdr:y>0.08889</cdr:y>
    </cdr:from>
    <cdr:to>
      <cdr:x>0.27759</cdr:x>
      <cdr:y>0.14744</cdr:y>
    </cdr:to>
    <cdr:sp macro="" textlink="">
      <cdr:nvSpPr>
        <cdr:cNvPr id="2" name="object 155"/>
        <cdr:cNvSpPr txBox="1"/>
      </cdr:nvSpPr>
      <cdr:spPr>
        <a:xfrm xmlns:a="http://schemas.openxmlformats.org/drawingml/2006/main">
          <a:off x="1739055" y="327040"/>
          <a:ext cx="541691" cy="215444"/>
        </a:xfrm>
        <a:prstGeom xmlns:a="http://schemas.openxmlformats.org/drawingml/2006/main" prst="rect">
          <a:avLst/>
        </a:prstGeom>
      </cdr:spPr>
      <cdr:txBody>
        <a:bodyPr xmlns:a="http://schemas.openxmlformats.org/drawingml/2006/main" vert="horz" wrap="square" lIns="0" tIns="0" rIns="0" bIns="0"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marL="12700">
            <a:lnSpc>
              <a:spcPct val="100000"/>
            </a:lnSpc>
          </a:pPr>
          <a:r>
            <a:rPr sz="1400" b="1" spc="75" dirty="0" smtClean="0">
              <a:solidFill>
                <a:schemeClr val="tx1"/>
              </a:solidFill>
              <a:latin typeface="Yu Gothic"/>
              <a:cs typeface="Yu Gothic"/>
            </a:rPr>
            <a:t>29.</a:t>
          </a:r>
          <a:r>
            <a:rPr lang="en-US" sz="1400" b="1" spc="75" dirty="0" smtClean="0">
              <a:solidFill>
                <a:schemeClr val="tx1"/>
              </a:solidFill>
              <a:latin typeface="Yu Gothic"/>
              <a:cs typeface="Yu Gothic"/>
            </a:rPr>
            <a:t>74</a:t>
          </a:r>
          <a:endParaRPr sz="1400" dirty="0">
            <a:solidFill>
              <a:schemeClr val="tx1"/>
            </a:solidFill>
            <a:latin typeface="Yu Gothic"/>
            <a:cs typeface="Yu Gothic"/>
          </a:endParaRPr>
        </a:p>
      </cdr:txBody>
    </cdr:sp>
  </cdr:relSizeAnchor>
  <cdr:relSizeAnchor xmlns:cdr="http://schemas.openxmlformats.org/drawingml/2006/chartDrawing">
    <cdr:from>
      <cdr:x>0.19313</cdr:x>
      <cdr:y>0.76322</cdr:y>
    </cdr:from>
    <cdr:to>
      <cdr:x>0.24383</cdr:x>
      <cdr:y>0.82655</cdr:y>
    </cdr:to>
    <cdr:sp macro="" textlink="">
      <cdr:nvSpPr>
        <cdr:cNvPr id="3" name="正方形/長方形 2"/>
        <cdr:cNvSpPr/>
      </cdr:nvSpPr>
      <cdr:spPr>
        <a:xfrm xmlns:a="http://schemas.openxmlformats.org/drawingml/2006/main" rot="18924040">
          <a:off x="1586844" y="2808142"/>
          <a:ext cx="416569" cy="233039"/>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14.xml><?xml version="1.0" encoding="utf-8"?>
<c:userShapes xmlns:c="http://schemas.openxmlformats.org/drawingml/2006/chart">
  <cdr:relSizeAnchor xmlns:cdr="http://schemas.openxmlformats.org/drawingml/2006/chartDrawing">
    <cdr:from>
      <cdr:x>0</cdr:x>
      <cdr:y>0</cdr:y>
    </cdr:from>
    <cdr:to>
      <cdr:x>0.08931</cdr:x>
      <cdr:y>0.04379</cdr:y>
    </cdr:to>
    <cdr:sp macro="" textlink="">
      <cdr:nvSpPr>
        <cdr:cNvPr id="3" name="正方形/長方形 2"/>
        <cdr:cNvSpPr/>
      </cdr:nvSpPr>
      <cdr:spPr>
        <a:xfrm xmlns:a="http://schemas.openxmlformats.org/drawingml/2006/main">
          <a:off x="0" y="0"/>
          <a:ext cx="805013" cy="21602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dirty="0" smtClean="0">
              <a:solidFill>
                <a:schemeClr val="tx1"/>
              </a:solidFill>
            </a:rPr>
            <a:t>（事業所）</a:t>
          </a:r>
          <a:endParaRPr lang="ja-JP" dirty="0">
            <a:solidFill>
              <a:schemeClr val="tx1"/>
            </a:solidFill>
          </a:endParaRPr>
        </a:p>
      </cdr:txBody>
    </cdr:sp>
  </cdr:relSizeAnchor>
</c:userShapes>
</file>

<file path=ppt/drawings/drawing15.xml><?xml version="1.0" encoding="utf-8"?>
<c:userShapes xmlns:c="http://schemas.openxmlformats.org/drawingml/2006/chart">
  <cdr:relSizeAnchor xmlns:cdr="http://schemas.openxmlformats.org/drawingml/2006/chartDrawing">
    <cdr:from>
      <cdr:x>0.40401</cdr:x>
      <cdr:y>0.76522</cdr:y>
    </cdr:from>
    <cdr:to>
      <cdr:x>0.69068</cdr:x>
      <cdr:y>0.89932</cdr:y>
    </cdr:to>
    <cdr:sp macro="" textlink="">
      <cdr:nvSpPr>
        <cdr:cNvPr id="5" name="正方形/長方形 4"/>
        <cdr:cNvSpPr/>
      </cdr:nvSpPr>
      <cdr:spPr>
        <a:xfrm xmlns:a="http://schemas.openxmlformats.org/drawingml/2006/main">
          <a:off x="3602213" y="3287219"/>
          <a:ext cx="2556000" cy="576064"/>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dirty="0" smtClean="0">
              <a:solidFill>
                <a:schemeClr val="tx1">
                  <a:lumMod val="50000"/>
                  <a:lumOff val="50000"/>
                </a:schemeClr>
              </a:solidFill>
            </a:rPr>
            <a:t>58.94</a:t>
          </a:r>
          <a:r>
            <a:rPr lang="ja-JP" altLang="en-US" dirty="0" smtClean="0">
              <a:solidFill>
                <a:schemeClr val="tx1">
                  <a:lumMod val="50000"/>
                  <a:lumOff val="50000"/>
                </a:schemeClr>
              </a:solidFill>
            </a:rPr>
            <a:t>％</a:t>
          </a:r>
          <a:endParaRPr lang="ja-JP" dirty="0">
            <a:solidFill>
              <a:schemeClr val="tx1">
                <a:lumMod val="50000"/>
                <a:lumOff val="50000"/>
              </a:schemeClr>
            </a:solidFill>
          </a:endParaRPr>
        </a:p>
      </cdr:txBody>
    </cdr:sp>
  </cdr:relSizeAnchor>
</c:userShapes>
</file>

<file path=ppt/drawings/drawing16.xml><?xml version="1.0" encoding="utf-8"?>
<c:userShapes xmlns:c="http://schemas.openxmlformats.org/drawingml/2006/chart">
  <cdr:relSizeAnchor xmlns:cdr="http://schemas.openxmlformats.org/drawingml/2006/chartDrawing">
    <cdr:from>
      <cdr:x>0.40957</cdr:x>
      <cdr:y>0.75862</cdr:y>
    </cdr:from>
    <cdr:to>
      <cdr:x>0.69269</cdr:x>
      <cdr:y>0.89655</cdr:y>
    </cdr:to>
    <cdr:sp macro="" textlink="">
      <cdr:nvSpPr>
        <cdr:cNvPr id="2" name="正方形/長方形 1"/>
        <cdr:cNvSpPr/>
      </cdr:nvSpPr>
      <cdr:spPr>
        <a:xfrm xmlns:a="http://schemas.openxmlformats.org/drawingml/2006/main">
          <a:off x="3596495" y="3168352"/>
          <a:ext cx="2486092" cy="576064"/>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900" dirty="0" smtClean="0">
              <a:solidFill>
                <a:schemeClr val="tx1">
                  <a:lumMod val="50000"/>
                  <a:lumOff val="50000"/>
                </a:schemeClr>
              </a:solidFill>
              <a:latin typeface="Meiryo UI" panose="020B0604030504040204" pitchFamily="50" charset="-128"/>
              <a:ea typeface="Meiryo UI" panose="020B0604030504040204" pitchFamily="50" charset="-128"/>
            </a:rPr>
            <a:t>33.94</a:t>
          </a:r>
          <a:r>
            <a:rPr lang="ja-JP" altLang="en-US" sz="900" dirty="0" smtClean="0">
              <a:solidFill>
                <a:schemeClr val="tx1">
                  <a:lumMod val="50000"/>
                  <a:lumOff val="50000"/>
                </a:schemeClr>
              </a:solidFill>
              <a:latin typeface="Meiryo UI" panose="020B0604030504040204" pitchFamily="50" charset="-128"/>
              <a:ea typeface="Meiryo UI" panose="020B0604030504040204" pitchFamily="50" charset="-128"/>
            </a:rPr>
            <a:t>％</a:t>
          </a:r>
          <a:endParaRPr lang="ja-JP" sz="900" dirty="0">
            <a:solidFill>
              <a:schemeClr val="tx1">
                <a:lumMod val="50000"/>
                <a:lumOff val="50000"/>
              </a:schemeClr>
            </a:solidFill>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69659</cdr:x>
      <cdr:y>0.75293</cdr:y>
    </cdr:from>
    <cdr:to>
      <cdr:x>0.97971</cdr:x>
      <cdr:y>0.89086</cdr:y>
    </cdr:to>
    <cdr:sp macro="" textlink="">
      <cdr:nvSpPr>
        <cdr:cNvPr id="3" name="正方形/長方形 2"/>
        <cdr:cNvSpPr/>
      </cdr:nvSpPr>
      <cdr:spPr>
        <a:xfrm xmlns:a="http://schemas.openxmlformats.org/drawingml/2006/main">
          <a:off x="6116775" y="3144604"/>
          <a:ext cx="2486097" cy="57606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en-US" altLang="ja-JP" sz="900" dirty="0" smtClean="0">
              <a:solidFill>
                <a:schemeClr val="tx1">
                  <a:lumMod val="50000"/>
                  <a:lumOff val="50000"/>
                </a:schemeClr>
              </a:solidFill>
              <a:latin typeface="Meiryo UI" panose="020B0604030504040204" pitchFamily="50" charset="-128"/>
              <a:ea typeface="Meiryo UI" panose="020B0604030504040204" pitchFamily="50" charset="-128"/>
            </a:rPr>
            <a:t>33.20</a:t>
          </a:r>
          <a:r>
            <a:rPr lang="ja-JP" altLang="en-US" sz="900" dirty="0" smtClean="0">
              <a:solidFill>
                <a:schemeClr val="tx1">
                  <a:lumMod val="50000"/>
                  <a:lumOff val="50000"/>
                </a:schemeClr>
              </a:solidFill>
              <a:latin typeface="Meiryo UI" panose="020B0604030504040204" pitchFamily="50" charset="-128"/>
              <a:ea typeface="Meiryo UI" panose="020B0604030504040204" pitchFamily="50" charset="-128"/>
            </a:rPr>
            <a:t>％</a:t>
          </a:r>
          <a:endParaRPr lang="ja-JP" sz="900" dirty="0">
            <a:solidFill>
              <a:schemeClr val="tx1">
                <a:lumMod val="50000"/>
                <a:lumOff val="50000"/>
              </a:schemeClr>
            </a:solidFill>
            <a:latin typeface="Meiryo UI" panose="020B0604030504040204" pitchFamily="50" charset="-128"/>
            <a:ea typeface="Meiryo UI" panose="020B0604030504040204" pitchFamily="50" charset="-128"/>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dirty="0"/>
            <a:t>（便</a:t>
          </a:r>
          <a:r>
            <a:rPr lang="en-US" altLang="ja-JP" sz="800" dirty="0"/>
            <a:t>/</a:t>
          </a:r>
          <a:r>
            <a:rPr lang="ja-JP" altLang="en-US" sz="800" dirty="0"/>
            <a:t>週）</a:t>
          </a:r>
        </a:p>
      </cdr:txBody>
    </cdr:sp>
  </cdr:relSizeAnchor>
</c:userShapes>
</file>

<file path=ppt/drawings/drawing3.xml><?xml version="1.0" encoding="utf-8"?>
<c:userShapes xmlns:c="http://schemas.openxmlformats.org/drawingml/2006/chart">
  <cdr:relSizeAnchor xmlns:cdr="http://schemas.openxmlformats.org/drawingml/2006/chartDrawing">
    <cdr:from>
      <cdr:x>0.83471</cdr:x>
      <cdr:y>0</cdr:y>
    </cdr:from>
    <cdr:to>
      <cdr:x>0.91157</cdr:x>
      <cdr:y>0.10127</cdr:y>
    </cdr:to>
    <cdr:sp macro="" textlink="">
      <cdr:nvSpPr>
        <cdr:cNvPr id="2" name="正方形/長方形 1"/>
        <cdr:cNvSpPr/>
      </cdr:nvSpPr>
      <cdr:spPr>
        <a:xfrm xmlns:a="http://schemas.openxmlformats.org/drawingml/2006/main">
          <a:off x="7272808" y="-2863320"/>
          <a:ext cx="669678" cy="19801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900" b="1" u="none" dirty="0" smtClean="0">
              <a:solidFill>
                <a:schemeClr val="tx1"/>
              </a:solidFill>
              <a:latin typeface="+mn-ea"/>
              <a:ea typeface="+mn-ea"/>
            </a:rPr>
            <a:t>838</a:t>
          </a:r>
          <a:endParaRPr lang="ja-JP" sz="900" b="1" u="none" dirty="0">
            <a:solidFill>
              <a:schemeClr val="tx1"/>
            </a:solidFill>
            <a:latin typeface="+mn-ea"/>
            <a:ea typeface="+mn-ea"/>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30035</cdr:x>
      <cdr:y>0.08924</cdr:y>
    </cdr:from>
    <cdr:to>
      <cdr:x>0.5742</cdr:x>
      <cdr:y>0.16011</cdr:y>
    </cdr:to>
    <cdr:sp macro="" textlink="">
      <cdr:nvSpPr>
        <cdr:cNvPr id="3" name="正方形/長方形 2"/>
        <cdr:cNvSpPr/>
      </cdr:nvSpPr>
      <cdr:spPr>
        <a:xfrm xmlns:a="http://schemas.openxmlformats.org/drawingml/2006/main">
          <a:off x="1619249" y="323851"/>
          <a:ext cx="1476375" cy="257175"/>
        </a:xfrm>
        <a:prstGeom xmlns:a="http://schemas.openxmlformats.org/drawingml/2006/main" prst="rect">
          <a:avLst/>
        </a:prstGeom>
        <a:noFill xmlns:a="http://schemas.openxmlformats.org/drawingml/2006/main"/>
        <a:ln xmlns:a="http://schemas.openxmlformats.org/drawingml/2006/main" w="12700">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chemeClr val="tx1"/>
              </a:solidFill>
            </a:rPr>
            <a:t>対ドル為替レート（右目盛）</a:t>
          </a:r>
          <a:endParaRPr lang="ja-JP" sz="900">
            <a:solidFill>
              <a:schemeClr val="tx1"/>
            </a:solidFill>
          </a:endParaRPr>
        </a:p>
      </cdr:txBody>
    </cdr:sp>
  </cdr:relSizeAnchor>
  <cdr:relSizeAnchor xmlns:cdr="http://schemas.openxmlformats.org/drawingml/2006/chartDrawing">
    <cdr:from>
      <cdr:x>0.41519</cdr:x>
      <cdr:y>0.14173</cdr:y>
    </cdr:from>
    <cdr:to>
      <cdr:x>0.42226</cdr:x>
      <cdr:y>0.19685</cdr:y>
    </cdr:to>
    <cdr:cxnSp macro="">
      <cdr:nvCxnSpPr>
        <cdr:cNvPr id="5" name="直線矢印コネクタ 4"/>
        <cdr:cNvCxnSpPr/>
      </cdr:nvCxnSpPr>
      <cdr:spPr>
        <a:xfrm xmlns:a="http://schemas.openxmlformats.org/drawingml/2006/main">
          <a:off x="2238375" y="514351"/>
          <a:ext cx="38100" cy="200025"/>
        </a:xfrm>
        <a:prstGeom xmlns:a="http://schemas.openxmlformats.org/drawingml/2006/main" prst="straightConnector1">
          <a:avLst/>
        </a:prstGeom>
        <a:ln xmlns:a="http://schemas.openxmlformats.org/drawingml/2006/main">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5.xml><?xml version="1.0" encoding="utf-8"?>
<c:userShapes xmlns:c="http://schemas.openxmlformats.org/drawingml/2006/chart">
  <cdr:relSizeAnchor xmlns:cdr="http://schemas.openxmlformats.org/drawingml/2006/chartDrawing">
    <cdr:from>
      <cdr:x>0.30035</cdr:x>
      <cdr:y>0.08924</cdr:y>
    </cdr:from>
    <cdr:to>
      <cdr:x>0.5742</cdr:x>
      <cdr:y>0.16011</cdr:y>
    </cdr:to>
    <cdr:sp macro="" textlink="">
      <cdr:nvSpPr>
        <cdr:cNvPr id="3" name="正方形/長方形 2"/>
        <cdr:cNvSpPr/>
      </cdr:nvSpPr>
      <cdr:spPr>
        <a:xfrm xmlns:a="http://schemas.openxmlformats.org/drawingml/2006/main">
          <a:off x="1619249" y="323851"/>
          <a:ext cx="1476375" cy="257175"/>
        </a:xfrm>
        <a:prstGeom xmlns:a="http://schemas.openxmlformats.org/drawingml/2006/main" prst="rect">
          <a:avLst/>
        </a:prstGeom>
        <a:noFill xmlns:a="http://schemas.openxmlformats.org/drawingml/2006/main"/>
        <a:ln xmlns:a="http://schemas.openxmlformats.org/drawingml/2006/main" w="12700">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a:solidFill>
                <a:schemeClr val="tx1"/>
              </a:solidFill>
            </a:rPr>
            <a:t>対ドル為替レート（右目盛）</a:t>
          </a:r>
          <a:endParaRPr lang="ja-JP" sz="900">
            <a:solidFill>
              <a:schemeClr val="tx1"/>
            </a:solidFill>
          </a:endParaRPr>
        </a:p>
      </cdr:txBody>
    </cdr:sp>
  </cdr:relSizeAnchor>
  <cdr:relSizeAnchor xmlns:cdr="http://schemas.openxmlformats.org/drawingml/2006/chartDrawing">
    <cdr:from>
      <cdr:x>0.41519</cdr:x>
      <cdr:y>0.14173</cdr:y>
    </cdr:from>
    <cdr:to>
      <cdr:x>0.42226</cdr:x>
      <cdr:y>0.19685</cdr:y>
    </cdr:to>
    <cdr:cxnSp macro="">
      <cdr:nvCxnSpPr>
        <cdr:cNvPr id="5" name="直線矢印コネクタ 4"/>
        <cdr:cNvCxnSpPr/>
      </cdr:nvCxnSpPr>
      <cdr:spPr>
        <a:xfrm xmlns:a="http://schemas.openxmlformats.org/drawingml/2006/main">
          <a:off x="2238375" y="514351"/>
          <a:ext cx="38100" cy="200025"/>
        </a:xfrm>
        <a:prstGeom xmlns:a="http://schemas.openxmlformats.org/drawingml/2006/main" prst="straightConnector1">
          <a:avLst/>
        </a:prstGeom>
        <a:ln xmlns:a="http://schemas.openxmlformats.org/drawingml/2006/main">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00542</cdr:x>
      <cdr:y>0.02007</cdr:y>
    </cdr:from>
    <cdr:to>
      <cdr:x>0.11079</cdr:x>
      <cdr:y>0.0876</cdr:y>
    </cdr:to>
    <cdr:sp macro="" textlink="">
      <cdr:nvSpPr>
        <cdr:cNvPr id="2" name="テキスト ボックス 1"/>
        <cdr:cNvSpPr txBox="1"/>
      </cdr:nvSpPr>
      <cdr:spPr>
        <a:xfrm xmlns:a="http://schemas.openxmlformats.org/drawingml/2006/main">
          <a:off x="23602" y="80287"/>
          <a:ext cx="458994" cy="27013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smtClean="0"/>
            <a:t>(</a:t>
          </a:r>
          <a:r>
            <a:rPr lang="ja-JP" altLang="en-US" sz="900" dirty="0"/>
            <a:t>円</a:t>
          </a:r>
          <a:r>
            <a:rPr lang="en-US" altLang="ja-JP" sz="900" dirty="0" smtClean="0"/>
            <a:t>)</a:t>
          </a:r>
          <a:endParaRPr lang="ja-JP" altLang="en-US" sz="900" dirty="0"/>
        </a:p>
      </cdr:txBody>
    </cdr:sp>
  </cdr:relSizeAnchor>
</c:userShapes>
</file>

<file path=ppt/drawings/drawing7.xml><?xml version="1.0" encoding="utf-8"?>
<c:userShapes xmlns:c="http://schemas.openxmlformats.org/drawingml/2006/chart">
  <cdr:relSizeAnchor xmlns:cdr="http://schemas.openxmlformats.org/drawingml/2006/chartDrawing">
    <cdr:from>
      <cdr:x>0.14797</cdr:x>
      <cdr:y>0.11683</cdr:y>
    </cdr:from>
    <cdr:to>
      <cdr:x>0.38539</cdr:x>
      <cdr:y>0.2047</cdr:y>
    </cdr:to>
    <cdr:sp macro="" textlink="">
      <cdr:nvSpPr>
        <cdr:cNvPr id="7" name="テキスト ボックス 17"/>
        <cdr:cNvSpPr txBox="1"/>
      </cdr:nvSpPr>
      <cdr:spPr>
        <a:xfrm xmlns:a="http://schemas.openxmlformats.org/drawingml/2006/main">
          <a:off x="1301477" y="327361"/>
          <a:ext cx="2088232"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国（棒グラフ・右目盛）</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5332</cdr:x>
      <cdr:y>0.19674</cdr:y>
    </cdr:from>
    <cdr:to>
      <cdr:x>0.28513</cdr:x>
      <cdr:y>0.3219</cdr:y>
    </cdr:to>
    <cdr:cxnSp macro="">
      <cdr:nvCxnSpPr>
        <cdr:cNvPr id="23" name="直線矢印コネクタ 7"/>
        <cdr:cNvCxnSpPr/>
      </cdr:nvCxnSpPr>
      <cdr:spPr>
        <a:xfrm xmlns:a="http://schemas.openxmlformats.org/drawingml/2006/main">
          <a:off x="2228081" y="551273"/>
          <a:ext cx="279789" cy="35070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8.xml><?xml version="1.0" encoding="utf-8"?>
<c:userShapes xmlns:c="http://schemas.openxmlformats.org/drawingml/2006/chart">
  <cdr:relSizeAnchor xmlns:cdr="http://schemas.openxmlformats.org/drawingml/2006/chartDrawing">
    <cdr:from>
      <cdr:x>0.26075</cdr:x>
      <cdr:y>0.10824</cdr:y>
    </cdr:from>
    <cdr:to>
      <cdr:x>0.32887</cdr:x>
      <cdr:y>0.55208</cdr:y>
    </cdr:to>
    <cdr:sp macro="" textlink="">
      <cdr:nvSpPr>
        <cdr:cNvPr id="2" name="正方形/長方形 1"/>
        <cdr:cNvSpPr/>
      </cdr:nvSpPr>
      <cdr:spPr>
        <a:xfrm xmlns:a="http://schemas.openxmlformats.org/drawingml/2006/main">
          <a:off x="2041555" y="438151"/>
          <a:ext cx="533349" cy="179673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561</cdr:x>
      <cdr:y>0.13657</cdr:y>
    </cdr:from>
    <cdr:to>
      <cdr:x>0.83374</cdr:x>
      <cdr:y>0.55208</cdr:y>
    </cdr:to>
    <cdr:sp macro="" textlink="">
      <cdr:nvSpPr>
        <cdr:cNvPr id="3" name="正方形/長方形 2"/>
        <cdr:cNvSpPr/>
      </cdr:nvSpPr>
      <cdr:spPr>
        <a:xfrm xmlns:a="http://schemas.openxmlformats.org/drawingml/2006/main">
          <a:off x="5994400" y="374651"/>
          <a:ext cx="533400" cy="1139824"/>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3982</cdr:x>
      <cdr:y>0.13657</cdr:y>
    </cdr:from>
    <cdr:to>
      <cdr:x>0.90795</cdr:x>
      <cdr:y>0.55208</cdr:y>
    </cdr:to>
    <cdr:sp macro="" textlink="">
      <cdr:nvSpPr>
        <cdr:cNvPr id="4" name="正方形/長方形 3"/>
        <cdr:cNvSpPr/>
      </cdr:nvSpPr>
      <cdr:spPr>
        <a:xfrm xmlns:a="http://schemas.openxmlformats.org/drawingml/2006/main">
          <a:off x="6575425" y="374650"/>
          <a:ext cx="533400" cy="1139825"/>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9.xml><?xml version="1.0" encoding="utf-8"?>
<c:userShapes xmlns:c="http://schemas.openxmlformats.org/drawingml/2006/chart">
  <cdr:relSizeAnchor xmlns:cdr="http://schemas.openxmlformats.org/drawingml/2006/chartDrawing">
    <cdr:from>
      <cdr:x>0.02532</cdr:x>
      <cdr:y>0.92088</cdr:y>
    </cdr:from>
    <cdr:to>
      <cdr:x>0.03392</cdr:x>
      <cdr:y>0.9375</cdr:y>
    </cdr:to>
    <cdr:sp macro="" textlink="">
      <cdr:nvSpPr>
        <cdr:cNvPr id="2" name="正方形/長方形 1"/>
        <cdr:cNvSpPr/>
      </cdr:nvSpPr>
      <cdr:spPr>
        <a:xfrm xmlns:a="http://schemas.openxmlformats.org/drawingml/2006/main">
          <a:off x="238609" y="3853879"/>
          <a:ext cx="81010" cy="69570"/>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2369</cdr:x>
      <cdr:y>0.83344</cdr:y>
    </cdr:from>
    <cdr:to>
      <cdr:x>0.28275</cdr:x>
      <cdr:y>0.88389</cdr:y>
    </cdr:to>
    <cdr:sp macro="" textlink="">
      <cdr:nvSpPr>
        <cdr:cNvPr id="3" name="正方形/長方形 2"/>
        <cdr:cNvSpPr/>
      </cdr:nvSpPr>
      <cdr:spPr>
        <a:xfrm xmlns:a="http://schemas.openxmlformats.org/drawingml/2006/main">
          <a:off x="2232248" y="3487954"/>
          <a:ext cx="432048" cy="211133"/>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nchorCtr="0"/>
        <a:lstStyle xmlns:a="http://schemas.openxmlformats.org/drawingml/2006/main"/>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dr:relSizeAnchor xmlns:cdr="http://schemas.openxmlformats.org/drawingml/2006/chartDrawing">
    <cdr:from>
      <cdr:x>0.20633</cdr:x>
      <cdr:y>0.86972</cdr:y>
    </cdr:from>
    <cdr:to>
      <cdr:x>0.22925</cdr:x>
      <cdr:y>0.92226</cdr:y>
    </cdr:to>
    <cdr:sp macro="" textlink="">
      <cdr:nvSpPr>
        <cdr:cNvPr id="4" name="正方形/長方形 3"/>
        <cdr:cNvSpPr/>
      </cdr:nvSpPr>
      <cdr:spPr>
        <a:xfrm xmlns:a="http://schemas.openxmlformats.org/drawingml/2006/main">
          <a:off x="1944216" y="3639790"/>
          <a:ext cx="216024" cy="21986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nchor="ctr" anchorCtr="0"/>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lang="ja-JP" altLang="en-US" sz="700" dirty="0">
              <a:solidFill>
                <a:schemeClr val="tx1"/>
              </a:solidFill>
            </a:rPr>
            <a:t>－</a:t>
          </a:r>
          <a:endParaRPr lang="ja-JP" sz="700" dirty="0">
            <a:solidFill>
              <a:schemeClr val="tx1"/>
            </a:solidFill>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21/1/19</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21/1/19</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44.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45.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46.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47.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dirty="0"/>
          </a:p>
        </p:txBody>
      </p:sp>
    </p:spTree>
    <p:extLst>
      <p:ext uri="{BB962C8B-B14F-4D97-AF65-F5344CB8AC3E}">
        <p14:creationId xmlns:p14="http://schemas.microsoft.com/office/powerpoint/2010/main" val="2779907675"/>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7</a:t>
            </a:fld>
            <a:endParaRPr kumimoji="1" lang="ja-JP" altLang="en-US"/>
          </a:p>
        </p:txBody>
      </p:sp>
    </p:spTree>
    <p:extLst>
      <p:ext uri="{BB962C8B-B14F-4D97-AF65-F5344CB8AC3E}">
        <p14:creationId xmlns:p14="http://schemas.microsoft.com/office/powerpoint/2010/main" val="2336343873"/>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8</a:t>
            </a:fld>
            <a:endParaRPr kumimoji="1" lang="ja-JP" altLang="en-US"/>
          </a:p>
        </p:txBody>
      </p:sp>
    </p:spTree>
    <p:extLst>
      <p:ext uri="{BB962C8B-B14F-4D97-AF65-F5344CB8AC3E}">
        <p14:creationId xmlns:p14="http://schemas.microsoft.com/office/powerpoint/2010/main" val="3262071607"/>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9</a:t>
            </a:fld>
            <a:endParaRPr kumimoji="1" lang="ja-JP" altLang="en-US"/>
          </a:p>
        </p:txBody>
      </p:sp>
    </p:spTree>
    <p:extLst>
      <p:ext uri="{BB962C8B-B14F-4D97-AF65-F5344CB8AC3E}">
        <p14:creationId xmlns:p14="http://schemas.microsoft.com/office/powerpoint/2010/main" val="3101968632"/>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3422521783"/>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1686329893"/>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3338205807"/>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214222750"/>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3846924196"/>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2158924257"/>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6</a:t>
            </a:fld>
            <a:endParaRPr kumimoji="1" lang="ja-JP" altLang="en-US"/>
          </a:p>
        </p:txBody>
      </p:sp>
    </p:spTree>
    <p:extLst>
      <p:ext uri="{BB962C8B-B14F-4D97-AF65-F5344CB8AC3E}">
        <p14:creationId xmlns:p14="http://schemas.microsoft.com/office/powerpoint/2010/main" val="178103587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dirty="0"/>
          </a:p>
        </p:txBody>
      </p:sp>
    </p:spTree>
    <p:extLst>
      <p:ext uri="{BB962C8B-B14F-4D97-AF65-F5344CB8AC3E}">
        <p14:creationId xmlns:p14="http://schemas.microsoft.com/office/powerpoint/2010/main" val="2766384595"/>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7</a:t>
            </a:fld>
            <a:endParaRPr kumimoji="1" lang="ja-JP" altLang="en-US"/>
          </a:p>
        </p:txBody>
      </p:sp>
    </p:spTree>
    <p:extLst>
      <p:ext uri="{BB962C8B-B14F-4D97-AF65-F5344CB8AC3E}">
        <p14:creationId xmlns:p14="http://schemas.microsoft.com/office/powerpoint/2010/main" val="1754296020"/>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8</a:t>
            </a:fld>
            <a:endParaRPr kumimoji="1" lang="ja-JP" altLang="en-US"/>
          </a:p>
        </p:txBody>
      </p:sp>
    </p:spTree>
    <p:extLst>
      <p:ext uri="{BB962C8B-B14F-4D97-AF65-F5344CB8AC3E}">
        <p14:creationId xmlns:p14="http://schemas.microsoft.com/office/powerpoint/2010/main" val="3062074325"/>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9</a:t>
            </a:fld>
            <a:endParaRPr kumimoji="1" lang="ja-JP" altLang="en-US"/>
          </a:p>
        </p:txBody>
      </p:sp>
    </p:spTree>
    <p:extLst>
      <p:ext uri="{BB962C8B-B14F-4D97-AF65-F5344CB8AC3E}">
        <p14:creationId xmlns:p14="http://schemas.microsoft.com/office/powerpoint/2010/main" val="82002926"/>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0</a:t>
            </a:fld>
            <a:endParaRPr kumimoji="1" lang="ja-JP" altLang="en-US"/>
          </a:p>
        </p:txBody>
      </p:sp>
    </p:spTree>
    <p:extLst>
      <p:ext uri="{BB962C8B-B14F-4D97-AF65-F5344CB8AC3E}">
        <p14:creationId xmlns:p14="http://schemas.microsoft.com/office/powerpoint/2010/main" val="2405727008"/>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1</a:t>
            </a:fld>
            <a:endParaRPr kumimoji="1" lang="ja-JP" altLang="en-US"/>
          </a:p>
        </p:txBody>
      </p:sp>
    </p:spTree>
    <p:extLst>
      <p:ext uri="{BB962C8B-B14F-4D97-AF65-F5344CB8AC3E}">
        <p14:creationId xmlns:p14="http://schemas.microsoft.com/office/powerpoint/2010/main" val="6155180"/>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2</a:t>
            </a:fld>
            <a:endParaRPr kumimoji="1" lang="ja-JP" altLang="en-US"/>
          </a:p>
        </p:txBody>
      </p:sp>
    </p:spTree>
    <p:extLst>
      <p:ext uri="{BB962C8B-B14F-4D97-AF65-F5344CB8AC3E}">
        <p14:creationId xmlns:p14="http://schemas.microsoft.com/office/powerpoint/2010/main" val="283428119"/>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3</a:t>
            </a:fld>
            <a:endParaRPr kumimoji="1" lang="ja-JP" altLang="en-US" dirty="0"/>
          </a:p>
        </p:txBody>
      </p:sp>
    </p:spTree>
    <p:extLst>
      <p:ext uri="{BB962C8B-B14F-4D97-AF65-F5344CB8AC3E}">
        <p14:creationId xmlns:p14="http://schemas.microsoft.com/office/powerpoint/2010/main" val="999459173"/>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4</a:t>
            </a:fld>
            <a:endParaRPr kumimoji="1" lang="ja-JP" altLang="en-US" dirty="0"/>
          </a:p>
        </p:txBody>
      </p:sp>
    </p:spTree>
    <p:extLst>
      <p:ext uri="{BB962C8B-B14F-4D97-AF65-F5344CB8AC3E}">
        <p14:creationId xmlns:p14="http://schemas.microsoft.com/office/powerpoint/2010/main" val="2948990341"/>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5</a:t>
            </a:fld>
            <a:endParaRPr kumimoji="1" lang="ja-JP" altLang="en-US" dirty="0"/>
          </a:p>
        </p:txBody>
      </p:sp>
    </p:spTree>
    <p:extLst>
      <p:ext uri="{BB962C8B-B14F-4D97-AF65-F5344CB8AC3E}">
        <p14:creationId xmlns:p14="http://schemas.microsoft.com/office/powerpoint/2010/main" val="323361929"/>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a:t>政策企画部</a:t>
            </a:r>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7</a:t>
            </a:fld>
            <a:endParaRPr lang="ja-JP" altLang="en-US" dirty="0">
              <a:solidFill>
                <a:prstClr val="black"/>
              </a:solidFill>
            </a:endParaRPr>
          </a:p>
        </p:txBody>
      </p:sp>
    </p:spTree>
    <p:extLst>
      <p:ext uri="{BB962C8B-B14F-4D97-AF65-F5344CB8AC3E}">
        <p14:creationId xmlns:p14="http://schemas.microsoft.com/office/powerpoint/2010/main" val="153746483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dirty="0"/>
          </a:p>
        </p:txBody>
      </p:sp>
    </p:spTree>
    <p:extLst>
      <p:ext uri="{BB962C8B-B14F-4D97-AF65-F5344CB8AC3E}">
        <p14:creationId xmlns:p14="http://schemas.microsoft.com/office/powerpoint/2010/main" val="205718275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8</a:t>
            </a:fld>
            <a:endParaRPr lang="ja-JP" altLang="en-US">
              <a:solidFill>
                <a:prstClr val="black"/>
              </a:solidFill>
            </a:endParaRPr>
          </a:p>
        </p:txBody>
      </p:sp>
    </p:spTree>
    <p:extLst>
      <p:ext uri="{BB962C8B-B14F-4D97-AF65-F5344CB8AC3E}">
        <p14:creationId xmlns:p14="http://schemas.microsoft.com/office/powerpoint/2010/main" val="3789819178"/>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9</a:t>
            </a:fld>
            <a:endParaRPr lang="ja-JP" altLang="en-US">
              <a:solidFill>
                <a:prstClr val="black"/>
              </a:solidFill>
            </a:endParaRPr>
          </a:p>
        </p:txBody>
      </p:sp>
    </p:spTree>
    <p:extLst>
      <p:ext uri="{BB962C8B-B14F-4D97-AF65-F5344CB8AC3E}">
        <p14:creationId xmlns:p14="http://schemas.microsoft.com/office/powerpoint/2010/main" val="2948068640"/>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40</a:t>
            </a:fld>
            <a:endParaRPr lang="ja-JP" altLang="en-US">
              <a:solidFill>
                <a:prstClr val="black"/>
              </a:solidFill>
            </a:endParaRPr>
          </a:p>
        </p:txBody>
      </p:sp>
    </p:spTree>
    <p:extLst>
      <p:ext uri="{BB962C8B-B14F-4D97-AF65-F5344CB8AC3E}">
        <p14:creationId xmlns:p14="http://schemas.microsoft.com/office/powerpoint/2010/main" val="1878622729"/>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41</a:t>
            </a:fld>
            <a:endParaRPr lang="ja-JP" altLang="en-US" smtClean="0">
              <a:solidFill>
                <a:srgbClr val="000000"/>
              </a:solidFill>
            </a:endParaRPr>
          </a:p>
        </p:txBody>
      </p:sp>
    </p:spTree>
    <p:extLst>
      <p:ext uri="{BB962C8B-B14F-4D97-AF65-F5344CB8AC3E}">
        <p14:creationId xmlns:p14="http://schemas.microsoft.com/office/powerpoint/2010/main" val="4070628198"/>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2</a:t>
            </a:fld>
            <a:endParaRPr kumimoji="1" lang="ja-JP" altLang="en-US"/>
          </a:p>
        </p:txBody>
      </p:sp>
    </p:spTree>
    <p:extLst>
      <p:ext uri="{BB962C8B-B14F-4D97-AF65-F5344CB8AC3E}">
        <p14:creationId xmlns:p14="http://schemas.microsoft.com/office/powerpoint/2010/main" val="3357501650"/>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81005DB-AF70-41D7-A185-2905A016DB4F}"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860177061"/>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4</a:t>
            </a:fld>
            <a:endParaRPr kumimoji="1" lang="ja-JP" altLang="en-US"/>
          </a:p>
        </p:txBody>
      </p:sp>
    </p:spTree>
    <p:extLst>
      <p:ext uri="{BB962C8B-B14F-4D97-AF65-F5344CB8AC3E}">
        <p14:creationId xmlns:p14="http://schemas.microsoft.com/office/powerpoint/2010/main" val="1941521801"/>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5</a:t>
            </a:fld>
            <a:endParaRPr kumimoji="1" lang="ja-JP" altLang="en-US"/>
          </a:p>
        </p:txBody>
      </p:sp>
    </p:spTree>
    <p:extLst>
      <p:ext uri="{BB962C8B-B14F-4D97-AF65-F5344CB8AC3E}">
        <p14:creationId xmlns:p14="http://schemas.microsoft.com/office/powerpoint/2010/main" val="1530622027"/>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146</a:t>
            </a:fld>
            <a:endParaRPr lang="ja-JP" altLang="en-US" smtClean="0"/>
          </a:p>
        </p:txBody>
      </p:sp>
    </p:spTree>
    <p:extLst>
      <p:ext uri="{BB962C8B-B14F-4D97-AF65-F5344CB8AC3E}">
        <p14:creationId xmlns:p14="http://schemas.microsoft.com/office/powerpoint/2010/main" val="279797312"/>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7</a:t>
            </a:fld>
            <a:endParaRPr kumimoji="1" lang="ja-JP" altLang="en-US"/>
          </a:p>
        </p:txBody>
      </p:sp>
    </p:spTree>
    <p:extLst>
      <p:ext uri="{BB962C8B-B14F-4D97-AF65-F5344CB8AC3E}">
        <p14:creationId xmlns:p14="http://schemas.microsoft.com/office/powerpoint/2010/main" val="102490364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8</a:t>
            </a:fld>
            <a:endParaRPr kumimoji="1" lang="ja-JP" altLang="en-US"/>
          </a:p>
        </p:txBody>
      </p:sp>
    </p:spTree>
    <p:extLst>
      <p:ext uri="{BB962C8B-B14F-4D97-AF65-F5344CB8AC3E}">
        <p14:creationId xmlns:p14="http://schemas.microsoft.com/office/powerpoint/2010/main" val="3407090273"/>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9</a:t>
            </a:fld>
            <a:endParaRPr kumimoji="1" lang="ja-JP" altLang="en-US"/>
          </a:p>
        </p:txBody>
      </p:sp>
    </p:spTree>
    <p:extLst>
      <p:ext uri="{BB962C8B-B14F-4D97-AF65-F5344CB8AC3E}">
        <p14:creationId xmlns:p14="http://schemas.microsoft.com/office/powerpoint/2010/main" val="4279032541"/>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0</a:t>
            </a:fld>
            <a:endParaRPr kumimoji="1" lang="ja-JP" altLang="en-US"/>
          </a:p>
        </p:txBody>
      </p:sp>
    </p:spTree>
    <p:extLst>
      <p:ext uri="{BB962C8B-B14F-4D97-AF65-F5344CB8AC3E}">
        <p14:creationId xmlns:p14="http://schemas.microsoft.com/office/powerpoint/2010/main" val="339091925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a:p>
        </p:txBody>
      </p:sp>
    </p:spTree>
    <p:extLst>
      <p:ext uri="{BB962C8B-B14F-4D97-AF65-F5344CB8AC3E}">
        <p14:creationId xmlns:p14="http://schemas.microsoft.com/office/powerpoint/2010/main" val="108536102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1099337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7845068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dirty="0"/>
          </a:p>
        </p:txBody>
      </p:sp>
    </p:spTree>
    <p:extLst>
      <p:ext uri="{BB962C8B-B14F-4D97-AF65-F5344CB8AC3E}">
        <p14:creationId xmlns:p14="http://schemas.microsoft.com/office/powerpoint/2010/main" val="54315481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01521088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29325965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150361549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9</a:t>
            </a:fld>
            <a:endParaRPr kumimoji="1" lang="ja-JP" altLang="en-US"/>
          </a:p>
        </p:txBody>
      </p:sp>
    </p:spTree>
    <p:extLst>
      <p:ext uri="{BB962C8B-B14F-4D97-AF65-F5344CB8AC3E}">
        <p14:creationId xmlns:p14="http://schemas.microsoft.com/office/powerpoint/2010/main" val="17748579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77153925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3</a:t>
            </a:fld>
            <a:endParaRPr kumimoji="1" lang="ja-JP" altLang="en-US"/>
          </a:p>
        </p:txBody>
      </p:sp>
    </p:spTree>
    <p:extLst>
      <p:ext uri="{BB962C8B-B14F-4D97-AF65-F5344CB8AC3E}">
        <p14:creationId xmlns:p14="http://schemas.microsoft.com/office/powerpoint/2010/main" val="196140917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政策企画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88996847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32641175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a:t>
            </a:fld>
            <a:endParaRPr kumimoji="1" lang="ja-JP" altLang="en-US" dirty="0"/>
          </a:p>
        </p:txBody>
      </p:sp>
    </p:spTree>
    <p:extLst>
      <p:ext uri="{BB962C8B-B14F-4D97-AF65-F5344CB8AC3E}">
        <p14:creationId xmlns:p14="http://schemas.microsoft.com/office/powerpoint/2010/main" val="35703098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9</a:t>
            </a:fld>
            <a:endParaRPr lang="ja-JP" altLang="en-US">
              <a:solidFill>
                <a:prstClr val="black"/>
              </a:solidFill>
            </a:endParaRPr>
          </a:p>
        </p:txBody>
      </p:sp>
    </p:spTree>
    <p:extLst>
      <p:ext uri="{BB962C8B-B14F-4D97-AF65-F5344CB8AC3E}">
        <p14:creationId xmlns:p14="http://schemas.microsoft.com/office/powerpoint/2010/main" val="303848744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dirty="0"/>
          </a:p>
        </p:txBody>
      </p:sp>
    </p:spTree>
    <p:extLst>
      <p:ext uri="{BB962C8B-B14F-4D97-AF65-F5344CB8AC3E}">
        <p14:creationId xmlns:p14="http://schemas.microsoft.com/office/powerpoint/2010/main" val="199355848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3951715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2436827667"/>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7891779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4</a:t>
            </a:fld>
            <a:endParaRPr kumimoji="1" lang="ja-JP" altLang="en-US"/>
          </a:p>
        </p:txBody>
      </p:sp>
    </p:spTree>
    <p:extLst>
      <p:ext uri="{BB962C8B-B14F-4D97-AF65-F5344CB8AC3E}">
        <p14:creationId xmlns:p14="http://schemas.microsoft.com/office/powerpoint/2010/main" val="213066400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5</a:t>
            </a:fld>
            <a:endParaRPr kumimoji="1" lang="ja-JP" altLang="en-US"/>
          </a:p>
        </p:txBody>
      </p:sp>
    </p:spTree>
    <p:extLst>
      <p:ext uri="{BB962C8B-B14F-4D97-AF65-F5344CB8AC3E}">
        <p14:creationId xmlns:p14="http://schemas.microsoft.com/office/powerpoint/2010/main" val="430060491"/>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6</a:t>
            </a:fld>
            <a:endParaRPr kumimoji="1" lang="ja-JP" altLang="en-US"/>
          </a:p>
        </p:txBody>
      </p:sp>
    </p:spTree>
    <p:extLst>
      <p:ext uri="{BB962C8B-B14F-4D97-AF65-F5344CB8AC3E}">
        <p14:creationId xmlns:p14="http://schemas.microsoft.com/office/powerpoint/2010/main" val="411977313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273737332"/>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40722555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3120">
              <a:defRPr/>
            </a:pPr>
            <a:fld id="{C81005DB-AF70-41D7-A185-2905A016DB4F}" type="slidenum">
              <a:rPr lang="ja-JP" altLang="en-US">
                <a:solidFill>
                  <a:prstClr val="black"/>
                </a:solidFill>
                <a:latin typeface="Calibri"/>
                <a:ea typeface="ＭＳ Ｐゴシック" panose="020B0600070205080204" pitchFamily="50" charset="-128"/>
              </a:rPr>
              <a:pPr defTabSz="913120">
                <a:defRPr/>
              </a:pPr>
              <a:t>3</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162954631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2648011702"/>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0</a:t>
            </a:fld>
            <a:endParaRPr kumimoji="1" lang="ja-JP" altLang="en-US"/>
          </a:p>
        </p:txBody>
      </p:sp>
    </p:spTree>
    <p:extLst>
      <p:ext uri="{BB962C8B-B14F-4D97-AF65-F5344CB8AC3E}">
        <p14:creationId xmlns:p14="http://schemas.microsoft.com/office/powerpoint/2010/main" val="272138373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1</a:t>
            </a:fld>
            <a:endParaRPr kumimoji="1" lang="ja-JP" altLang="en-US"/>
          </a:p>
        </p:txBody>
      </p:sp>
    </p:spTree>
    <p:extLst>
      <p:ext uri="{BB962C8B-B14F-4D97-AF65-F5344CB8AC3E}">
        <p14:creationId xmlns:p14="http://schemas.microsoft.com/office/powerpoint/2010/main" val="36268904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1495938220"/>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3411099048"/>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401332668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328900116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7876459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3341146912"/>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263480906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252344022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106748027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4191663973"/>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4075175929"/>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359250857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dirty="0"/>
          </a:p>
        </p:txBody>
      </p:sp>
    </p:spTree>
    <p:extLst>
      <p:ext uri="{BB962C8B-B14F-4D97-AF65-F5344CB8AC3E}">
        <p14:creationId xmlns:p14="http://schemas.microsoft.com/office/powerpoint/2010/main" val="483125271"/>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dirty="0"/>
          </a:p>
        </p:txBody>
      </p:sp>
    </p:spTree>
    <p:extLst>
      <p:ext uri="{BB962C8B-B14F-4D97-AF65-F5344CB8AC3E}">
        <p14:creationId xmlns:p14="http://schemas.microsoft.com/office/powerpoint/2010/main" val="3356100491"/>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総務部法務課、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393950376"/>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94200314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228366222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45292428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1117311235"/>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2277341199"/>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866491602"/>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6</a:t>
            </a:fld>
            <a:endParaRPr lang="ja-JP" altLang="en-US">
              <a:solidFill>
                <a:prstClr val="black"/>
              </a:solidFill>
            </a:endParaRPr>
          </a:p>
        </p:txBody>
      </p:sp>
    </p:spTree>
    <p:extLst>
      <p:ext uri="{BB962C8B-B14F-4D97-AF65-F5344CB8AC3E}">
        <p14:creationId xmlns:p14="http://schemas.microsoft.com/office/powerpoint/2010/main" val="2840757941"/>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7</a:t>
            </a:fld>
            <a:endParaRPr lang="ja-JP" altLang="en-US">
              <a:solidFill>
                <a:prstClr val="black"/>
              </a:solidFill>
            </a:endParaRPr>
          </a:p>
        </p:txBody>
      </p:sp>
    </p:spTree>
    <p:extLst>
      <p:ext uri="{BB962C8B-B14F-4D97-AF65-F5344CB8AC3E}">
        <p14:creationId xmlns:p14="http://schemas.microsoft.com/office/powerpoint/2010/main" val="857894645"/>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8</a:t>
            </a:fld>
            <a:endParaRPr lang="ja-JP" altLang="en-US">
              <a:solidFill>
                <a:prstClr val="black"/>
              </a:solidFill>
            </a:endParaRPr>
          </a:p>
        </p:txBody>
      </p:sp>
    </p:spTree>
    <p:extLst>
      <p:ext uri="{BB962C8B-B14F-4D97-AF65-F5344CB8AC3E}">
        <p14:creationId xmlns:p14="http://schemas.microsoft.com/office/powerpoint/2010/main" val="1430711154"/>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2360097971"/>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3490542"/>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4886532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26221182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1494398886"/>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2704865171"/>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1057485273"/>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5</a:t>
            </a:fld>
            <a:endParaRPr lang="ja-JP" altLang="en-US">
              <a:solidFill>
                <a:prstClr val="black"/>
              </a:solidFill>
            </a:endParaRPr>
          </a:p>
        </p:txBody>
      </p:sp>
    </p:spTree>
    <p:extLst>
      <p:ext uri="{BB962C8B-B14F-4D97-AF65-F5344CB8AC3E}">
        <p14:creationId xmlns:p14="http://schemas.microsoft.com/office/powerpoint/2010/main" val="3880440532"/>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182420029"/>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4164878143"/>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1452450727"/>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930439784"/>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3975693595"/>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41136212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dirty="0"/>
          </a:p>
        </p:txBody>
      </p:sp>
    </p:spTree>
    <p:extLst>
      <p:ext uri="{BB962C8B-B14F-4D97-AF65-F5344CB8AC3E}">
        <p14:creationId xmlns:p14="http://schemas.microsoft.com/office/powerpoint/2010/main" val="85925432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2464203628"/>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1751552632"/>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2649156659"/>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3306252661"/>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a:p>
        </p:txBody>
      </p:sp>
    </p:spTree>
    <p:extLst>
      <p:ext uri="{BB962C8B-B14F-4D97-AF65-F5344CB8AC3E}">
        <p14:creationId xmlns:p14="http://schemas.microsoft.com/office/powerpoint/2010/main" val="4228914013"/>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1</a:t>
            </a:fld>
            <a:endParaRPr lang="ja-JP" altLang="en-US">
              <a:solidFill>
                <a:prstClr val="black"/>
              </a:solidFill>
            </a:endParaRPr>
          </a:p>
        </p:txBody>
      </p:sp>
    </p:spTree>
    <p:extLst>
      <p:ext uri="{BB962C8B-B14F-4D97-AF65-F5344CB8AC3E}">
        <p14:creationId xmlns:p14="http://schemas.microsoft.com/office/powerpoint/2010/main" val="1392552978"/>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2</a:t>
            </a:fld>
            <a:endParaRPr lang="ja-JP" altLang="en-US">
              <a:solidFill>
                <a:prstClr val="black"/>
              </a:solidFill>
            </a:endParaRPr>
          </a:p>
        </p:txBody>
      </p:sp>
    </p:spTree>
    <p:extLst>
      <p:ext uri="{BB962C8B-B14F-4D97-AF65-F5344CB8AC3E}">
        <p14:creationId xmlns:p14="http://schemas.microsoft.com/office/powerpoint/2010/main" val="919636845"/>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3</a:t>
            </a:fld>
            <a:endParaRPr lang="ja-JP" altLang="en-US">
              <a:solidFill>
                <a:prstClr val="black"/>
              </a:solidFill>
            </a:endParaRPr>
          </a:p>
        </p:txBody>
      </p:sp>
    </p:spTree>
    <p:extLst>
      <p:ext uri="{BB962C8B-B14F-4D97-AF65-F5344CB8AC3E}">
        <p14:creationId xmlns:p14="http://schemas.microsoft.com/office/powerpoint/2010/main" val="1553484417"/>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4</a:t>
            </a:fld>
            <a:endParaRPr lang="ja-JP" altLang="en-US">
              <a:solidFill>
                <a:prstClr val="black"/>
              </a:solidFill>
            </a:endParaRPr>
          </a:p>
        </p:txBody>
      </p:sp>
    </p:spTree>
    <p:extLst>
      <p:ext uri="{BB962C8B-B14F-4D97-AF65-F5344CB8AC3E}">
        <p14:creationId xmlns:p14="http://schemas.microsoft.com/office/powerpoint/2010/main" val="3861326498"/>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5</a:t>
            </a:fld>
            <a:endParaRPr kumimoji="1" lang="ja-JP" altLang="en-US"/>
          </a:p>
        </p:txBody>
      </p:sp>
    </p:spTree>
    <p:extLst>
      <p:ext uri="{BB962C8B-B14F-4D97-AF65-F5344CB8AC3E}">
        <p14:creationId xmlns:p14="http://schemas.microsoft.com/office/powerpoint/2010/main" val="365737289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4238455038"/>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1119727941"/>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7</a:t>
            </a:fld>
            <a:endParaRPr kumimoji="1" lang="ja-JP" altLang="en-US"/>
          </a:p>
        </p:txBody>
      </p:sp>
    </p:spTree>
    <p:extLst>
      <p:ext uri="{BB962C8B-B14F-4D97-AF65-F5344CB8AC3E}">
        <p14:creationId xmlns:p14="http://schemas.microsoft.com/office/powerpoint/2010/main" val="1800806960"/>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1207471068"/>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2461922650"/>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dirty="0"/>
          </a:p>
        </p:txBody>
      </p:sp>
    </p:spTree>
    <p:extLst>
      <p:ext uri="{BB962C8B-B14F-4D97-AF65-F5344CB8AC3E}">
        <p14:creationId xmlns:p14="http://schemas.microsoft.com/office/powerpoint/2010/main" val="2562749404"/>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2184758690"/>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059201113"/>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2334575188"/>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1027986566"/>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57098926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1/1/1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1/1/1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1/1/1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1/1/1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1/1/1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1/1/1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1/1/19</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1/1/19</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1/1/19</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1/1/1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1/1/1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1/1/19</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100.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101.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3" Type="http://schemas.openxmlformats.org/officeDocument/2006/relationships/chart" Target="../charts/chart73.xml"/><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3" Type="http://schemas.openxmlformats.org/officeDocument/2006/relationships/chart" Target="../charts/chart74.xml"/><Relationship Id="rId2" Type="http://schemas.openxmlformats.org/officeDocument/2006/relationships/notesSlide" Target="../notesSlides/notesSlide86.xml"/><Relationship Id="rId1" Type="http://schemas.openxmlformats.org/officeDocument/2006/relationships/slideLayout" Target="../slideLayouts/slideLayout2.xml"/><Relationship Id="rId4" Type="http://schemas.openxmlformats.org/officeDocument/2006/relationships/chart" Target="../charts/chart75.xml"/></Relationships>
</file>

<file path=ppt/slides/_rels/slide104.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88.xml"/><Relationship Id="rId1" Type="http://schemas.openxmlformats.org/officeDocument/2006/relationships/slideLayout" Target="../slideLayouts/slideLayout2.xml"/><Relationship Id="rId5" Type="http://schemas.openxmlformats.org/officeDocument/2006/relationships/image" Target="../media/image46.png"/><Relationship Id="rId4" Type="http://schemas.microsoft.com/office/2007/relationships/hdphoto" Target="../media/hdphoto6.wdp"/></Relationships>
</file>

<file path=ppt/slides/_rels/slide106.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89.xml"/><Relationship Id="rId1" Type="http://schemas.openxmlformats.org/officeDocument/2006/relationships/slideLayout" Target="../slideLayouts/slideLayout2.xml"/><Relationship Id="rId5" Type="http://schemas.openxmlformats.org/officeDocument/2006/relationships/image" Target="../media/image48.png"/><Relationship Id="rId4" Type="http://schemas.openxmlformats.org/officeDocument/2006/relationships/image" Target="../media/image47.png"/></Relationships>
</file>

<file path=ppt/slides/_rels/slide107.xml.rels><?xml version="1.0" encoding="UTF-8" standalone="yes"?>
<Relationships xmlns="http://schemas.openxmlformats.org/package/2006/relationships"><Relationship Id="rId3" Type="http://schemas.openxmlformats.org/officeDocument/2006/relationships/chart" Target="../charts/chart78.xml"/><Relationship Id="rId2" Type="http://schemas.openxmlformats.org/officeDocument/2006/relationships/notesSlide" Target="../notesSlides/notesSlide90.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chart" Target="../charts/chart79.xml"/><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49.emf"/><Relationship Id="rId2" Type="http://schemas.openxmlformats.org/officeDocument/2006/relationships/notesSlide" Target="../notesSlides/notesSlide92.xml"/><Relationship Id="rId1" Type="http://schemas.openxmlformats.org/officeDocument/2006/relationships/slideLayout" Target="../slideLayouts/slideLayout2.xml"/><Relationship Id="rId4" Type="http://schemas.openxmlformats.org/officeDocument/2006/relationships/image" Target="../media/image50.png"/></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7.xml"/></Relationships>
</file>

<file path=ppt/slides/_rels/slide112.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7.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1.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1.xml"/></Relationships>
</file>

<file path=ppt/slides/_rels/slide115.xml.rels><?xml version="1.0" encoding="UTF-8" standalone="yes"?>
<Relationships xmlns="http://schemas.openxmlformats.org/package/2006/relationships"><Relationship Id="rId3" Type="http://schemas.openxmlformats.org/officeDocument/2006/relationships/chart" Target="../charts/chart80.xml"/><Relationship Id="rId2" Type="http://schemas.openxmlformats.org/officeDocument/2006/relationships/notesSlide" Target="../notesSlides/notesSlide97.xml"/><Relationship Id="rId1" Type="http://schemas.openxmlformats.org/officeDocument/2006/relationships/slideLayout" Target="../slideLayouts/slideLayout7.xml"/></Relationships>
</file>

<file path=ppt/slides/_rels/slide116.xml.rels><?xml version="1.0" encoding="UTF-8" standalone="yes"?>
<Relationships xmlns="http://schemas.openxmlformats.org/package/2006/relationships"><Relationship Id="rId3" Type="http://schemas.openxmlformats.org/officeDocument/2006/relationships/chart" Target="../charts/chart81.xml"/><Relationship Id="rId2" Type="http://schemas.openxmlformats.org/officeDocument/2006/relationships/notesSlide" Target="../notesSlides/notesSlide98.xml"/><Relationship Id="rId1" Type="http://schemas.openxmlformats.org/officeDocument/2006/relationships/slideLayout" Target="../slideLayouts/slideLayout7.xml"/><Relationship Id="rId4" Type="http://schemas.openxmlformats.org/officeDocument/2006/relationships/chart" Target="../charts/chart82.xml"/></Relationships>
</file>

<file path=ppt/slides/_rels/slide117.xml.rels><?xml version="1.0" encoding="UTF-8" standalone="yes"?>
<Relationships xmlns="http://schemas.openxmlformats.org/package/2006/relationships"><Relationship Id="rId3" Type="http://schemas.openxmlformats.org/officeDocument/2006/relationships/chart" Target="../charts/chart83.xml"/><Relationship Id="rId2" Type="http://schemas.openxmlformats.org/officeDocument/2006/relationships/notesSlide" Target="../notesSlides/notesSlide99.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3" Type="http://schemas.openxmlformats.org/officeDocument/2006/relationships/chart" Target="../charts/chart84.xml"/><Relationship Id="rId2" Type="http://schemas.openxmlformats.org/officeDocument/2006/relationships/notesSlide" Target="../notesSlides/notesSlide100.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chart" Target="../charts/chart85.xml"/><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9.xml"/><Relationship Id="rId1" Type="http://schemas.openxmlformats.org/officeDocument/2006/relationships/slideLayout" Target="../slideLayouts/slideLayout1.xml"/><Relationship Id="rId4" Type="http://schemas.openxmlformats.org/officeDocument/2006/relationships/chart" Target="../charts/chart7.xml"/></Relationships>
</file>

<file path=ppt/slides/_rels/slide120.xml.rels><?xml version="1.0" encoding="UTF-8" standalone="yes"?>
<Relationships xmlns="http://schemas.openxmlformats.org/package/2006/relationships"><Relationship Id="rId3" Type="http://schemas.openxmlformats.org/officeDocument/2006/relationships/chart" Target="../charts/chart86.xml"/><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3" Type="http://schemas.openxmlformats.org/officeDocument/2006/relationships/chart" Target="../charts/chart87.xml"/><Relationship Id="rId2" Type="http://schemas.openxmlformats.org/officeDocument/2006/relationships/notesSlide" Target="../notesSlides/notesSlide103.xml"/><Relationship Id="rId1" Type="http://schemas.openxmlformats.org/officeDocument/2006/relationships/slideLayout" Target="../slideLayouts/slideLayout2.xml"/><Relationship Id="rId4" Type="http://schemas.openxmlformats.org/officeDocument/2006/relationships/chart" Target="../charts/chart88.xml"/></Relationships>
</file>

<file path=ppt/slides/_rels/slide122.xml.rels><?xml version="1.0" encoding="UTF-8" standalone="yes"?>
<Relationships xmlns="http://schemas.openxmlformats.org/package/2006/relationships"><Relationship Id="rId3" Type="http://schemas.openxmlformats.org/officeDocument/2006/relationships/image" Target="../media/image51.emf"/><Relationship Id="rId2" Type="http://schemas.openxmlformats.org/officeDocument/2006/relationships/notesSlide" Target="../notesSlides/notesSlide104.xml"/><Relationship Id="rId1" Type="http://schemas.openxmlformats.org/officeDocument/2006/relationships/slideLayout" Target="../slideLayouts/slideLayout2.xml"/><Relationship Id="rId6" Type="http://schemas.openxmlformats.org/officeDocument/2006/relationships/chart" Target="../charts/chart90.xml"/><Relationship Id="rId5" Type="http://schemas.openxmlformats.org/officeDocument/2006/relationships/chart" Target="../charts/chart89.xml"/><Relationship Id="rId4" Type="http://schemas.openxmlformats.org/officeDocument/2006/relationships/image" Target="../media/image52.jpeg"/></Relationships>
</file>

<file path=ppt/slides/_rels/slide123.xml.rels><?xml version="1.0" encoding="UTF-8" standalone="yes"?>
<Relationships xmlns="http://schemas.openxmlformats.org/package/2006/relationships"><Relationship Id="rId3" Type="http://schemas.openxmlformats.org/officeDocument/2006/relationships/chart" Target="../charts/chart91.xml"/><Relationship Id="rId2" Type="http://schemas.openxmlformats.org/officeDocument/2006/relationships/notesSlide" Target="../notesSlides/notesSlide105.xml"/><Relationship Id="rId1" Type="http://schemas.openxmlformats.org/officeDocument/2006/relationships/slideLayout" Target="../slideLayouts/slideLayout7.xml"/><Relationship Id="rId4" Type="http://schemas.openxmlformats.org/officeDocument/2006/relationships/chart" Target="../charts/chart92.xml"/></Relationships>
</file>

<file path=ppt/slides/_rels/slide124.xml.rels><?xml version="1.0" encoding="UTF-8" standalone="yes"?>
<Relationships xmlns="http://schemas.openxmlformats.org/package/2006/relationships"><Relationship Id="rId3" Type="http://schemas.openxmlformats.org/officeDocument/2006/relationships/chart" Target="../charts/chart93.xml"/><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chart" Target="../charts/chart94.xml"/><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3" Type="http://schemas.openxmlformats.org/officeDocument/2006/relationships/chart" Target="../charts/chart95.xml"/><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3" Type="http://schemas.openxmlformats.org/officeDocument/2006/relationships/chart" Target="../charts/chart96.xml"/><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chart" Target="../charts/chart97.xml"/><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111.xml"/><Relationship Id="rId1" Type="http://schemas.openxmlformats.org/officeDocument/2006/relationships/slideLayout" Target="../slideLayouts/slideLayout7.xml"/><Relationship Id="rId4" Type="http://schemas.microsoft.com/office/2007/relationships/hdphoto" Target="../media/hdphoto7.wdp"/></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30.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13.xml"/><Relationship Id="rId1" Type="http://schemas.openxmlformats.org/officeDocument/2006/relationships/slideLayout" Target="../slideLayouts/slideLayout2.xml"/><Relationship Id="rId5" Type="http://schemas.openxmlformats.org/officeDocument/2006/relationships/image" Target="../media/image57.png"/><Relationship Id="rId4" Type="http://schemas.openxmlformats.org/officeDocument/2006/relationships/image" Target="../media/image56.png"/></Relationships>
</file>

<file path=ppt/slides/_rels/slide132.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3" Type="http://schemas.openxmlformats.org/officeDocument/2006/relationships/image" Target="../media/image58.emf"/><Relationship Id="rId7" Type="http://schemas.openxmlformats.org/officeDocument/2006/relationships/image" Target="../media/image62.png"/><Relationship Id="rId2" Type="http://schemas.openxmlformats.org/officeDocument/2006/relationships/notesSlide" Target="../notesSlides/notesSlide115.xml"/><Relationship Id="rId1" Type="http://schemas.openxmlformats.org/officeDocument/2006/relationships/slideLayout" Target="../slideLayouts/slideLayout2.xml"/><Relationship Id="rId6" Type="http://schemas.openxmlformats.org/officeDocument/2006/relationships/image" Target="../media/image61.png"/><Relationship Id="rId5" Type="http://schemas.openxmlformats.org/officeDocument/2006/relationships/image" Target="../media/image60.png"/><Relationship Id="rId4" Type="http://schemas.openxmlformats.org/officeDocument/2006/relationships/image" Target="../media/image59.JPG"/></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7.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7.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1.xml"/></Relationships>
</file>

<file path=ppt/slides/_rels/slide1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40.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notesSlide" Target="../notesSlides/notesSlide121.xml"/><Relationship Id="rId1" Type="http://schemas.openxmlformats.org/officeDocument/2006/relationships/slideLayout" Target="../slideLayouts/slideLayout2.xml"/><Relationship Id="rId5" Type="http://schemas.openxmlformats.org/officeDocument/2006/relationships/image" Target="../media/image66.jpeg"/><Relationship Id="rId4" Type="http://schemas.openxmlformats.org/officeDocument/2006/relationships/image" Target="../media/image65.jpeg"/></Relationships>
</file>

<file path=ppt/slides/_rels/slide141.xml.rels><?xml version="1.0" encoding="UTF-8" standalone="yes"?>
<Relationships xmlns="http://schemas.openxmlformats.org/package/2006/relationships"><Relationship Id="rId8" Type="http://schemas.openxmlformats.org/officeDocument/2006/relationships/image" Target="../media/image71.emf"/><Relationship Id="rId3" Type="http://schemas.openxmlformats.org/officeDocument/2006/relationships/image" Target="../media/image67.emf"/><Relationship Id="rId7" Type="http://schemas.openxmlformats.org/officeDocument/2006/relationships/image" Target="../media/image70.png"/><Relationship Id="rId2" Type="http://schemas.openxmlformats.org/officeDocument/2006/relationships/notesSlide" Target="../notesSlides/notesSlide122.xml"/><Relationship Id="rId1" Type="http://schemas.openxmlformats.org/officeDocument/2006/relationships/slideLayout" Target="../slideLayouts/slideLayout2.xml"/><Relationship Id="rId6" Type="http://schemas.microsoft.com/office/2007/relationships/hdphoto" Target="../media/hdphoto8.wdp"/><Relationship Id="rId5" Type="http://schemas.openxmlformats.org/officeDocument/2006/relationships/image" Target="../media/image69.png"/><Relationship Id="rId4" Type="http://schemas.openxmlformats.org/officeDocument/2006/relationships/image" Target="../media/image68.png"/></Relationships>
</file>

<file path=ppt/slides/_rels/slide1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23.xml"/><Relationship Id="rId1" Type="http://schemas.openxmlformats.org/officeDocument/2006/relationships/slideLayout" Target="../slideLayouts/slideLayout2.xml"/><Relationship Id="rId4" Type="http://schemas.openxmlformats.org/officeDocument/2006/relationships/chart" Target="../charts/chart98.xml"/></Relationships>
</file>

<file path=ppt/slides/_rels/slide143.xml.rels><?xml version="1.0" encoding="UTF-8" standalone="yes"?>
<Relationships xmlns="http://schemas.openxmlformats.org/package/2006/relationships"><Relationship Id="rId3" Type="http://schemas.openxmlformats.org/officeDocument/2006/relationships/image" Target="../media/image73.png"/><Relationship Id="rId7" Type="http://schemas.openxmlformats.org/officeDocument/2006/relationships/image" Target="../media/image77.jpeg"/><Relationship Id="rId2" Type="http://schemas.openxmlformats.org/officeDocument/2006/relationships/notesSlide" Target="../notesSlides/notesSlide124.xml"/><Relationship Id="rId1" Type="http://schemas.openxmlformats.org/officeDocument/2006/relationships/slideLayout" Target="../slideLayouts/slideLayout7.xml"/><Relationship Id="rId6" Type="http://schemas.openxmlformats.org/officeDocument/2006/relationships/image" Target="../media/image76.png"/><Relationship Id="rId5" Type="http://schemas.openxmlformats.org/officeDocument/2006/relationships/image" Target="../media/image75.png"/><Relationship Id="rId4" Type="http://schemas.openxmlformats.org/officeDocument/2006/relationships/image" Target="../media/image74.jpeg"/></Relationships>
</file>

<file path=ppt/slides/_rels/slide144.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125.xml"/><Relationship Id="rId1" Type="http://schemas.openxmlformats.org/officeDocument/2006/relationships/slideLayout" Target="../slideLayouts/slideLayout1.xml"/></Relationships>
</file>

<file path=ppt/slides/_rels/slide145.xml.rels><?xml version="1.0" encoding="UTF-8" standalone="yes"?>
<Relationships xmlns="http://schemas.openxmlformats.org/package/2006/relationships"><Relationship Id="rId3" Type="http://schemas.openxmlformats.org/officeDocument/2006/relationships/image" Target="../media/image79.jpeg"/><Relationship Id="rId2" Type="http://schemas.openxmlformats.org/officeDocument/2006/relationships/notesSlide" Target="../notesSlides/notesSlide126.xml"/><Relationship Id="rId1" Type="http://schemas.openxmlformats.org/officeDocument/2006/relationships/slideLayout" Target="../slideLayouts/slideLayout1.xml"/><Relationship Id="rId6" Type="http://schemas.microsoft.com/office/2007/relationships/hdphoto" Target="../media/hdphoto10.wdp"/><Relationship Id="rId5" Type="http://schemas.openxmlformats.org/officeDocument/2006/relationships/image" Target="../media/image80.jpeg"/><Relationship Id="rId4" Type="http://schemas.microsoft.com/office/2007/relationships/hdphoto" Target="../media/hdphoto9.wdp"/></Relationships>
</file>

<file path=ppt/slides/_rels/slide146.xml.rels><?xml version="1.0" encoding="UTF-8" standalone="yes"?>
<Relationships xmlns="http://schemas.openxmlformats.org/package/2006/relationships"><Relationship Id="rId3" Type="http://schemas.openxmlformats.org/officeDocument/2006/relationships/chart" Target="../charts/chart99.xml"/><Relationship Id="rId2" Type="http://schemas.openxmlformats.org/officeDocument/2006/relationships/notesSlide" Target="../notesSlides/notesSlide127.xml"/><Relationship Id="rId1" Type="http://schemas.openxmlformats.org/officeDocument/2006/relationships/slideLayout" Target="../slideLayouts/slideLayout1.xml"/></Relationships>
</file>

<file path=ppt/slides/_rels/slide147.xml.rels><?xml version="1.0" encoding="UTF-8" standalone="yes"?>
<Relationships xmlns="http://schemas.openxmlformats.org/package/2006/relationships"><Relationship Id="rId2" Type="http://schemas.openxmlformats.org/officeDocument/2006/relationships/notesSlide" Target="../notesSlides/notesSlide128.xml"/><Relationship Id="rId1" Type="http://schemas.openxmlformats.org/officeDocument/2006/relationships/slideLayout" Target="../slideLayouts/slideLayout1.xml"/></Relationships>
</file>

<file path=ppt/slides/_rels/slide148.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notesSlide" Target="../notesSlides/notesSlide129.xml"/><Relationship Id="rId1" Type="http://schemas.openxmlformats.org/officeDocument/2006/relationships/slideLayout" Target="../slideLayouts/slideLayout7.xml"/><Relationship Id="rId6" Type="http://schemas.openxmlformats.org/officeDocument/2006/relationships/image" Target="../media/image83.jpeg"/><Relationship Id="rId5" Type="http://schemas.microsoft.com/office/2007/relationships/hdphoto" Target="../media/hdphoto11.wdp"/><Relationship Id="rId4" Type="http://schemas.openxmlformats.org/officeDocument/2006/relationships/image" Target="../media/image82.png"/></Relationships>
</file>

<file path=ppt/slides/_rels/slide149.xml.rels><?xml version="1.0" encoding="UTF-8" standalone="yes"?>
<Relationships xmlns="http://schemas.openxmlformats.org/package/2006/relationships"><Relationship Id="rId3" Type="http://schemas.openxmlformats.org/officeDocument/2006/relationships/chart" Target="../charts/chart100.xml"/><Relationship Id="rId2" Type="http://schemas.openxmlformats.org/officeDocument/2006/relationships/notesSlide" Target="../notesSlides/notesSlide130.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50.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notesSlide" Target="../notesSlides/notesSlide131.xml"/><Relationship Id="rId1" Type="http://schemas.openxmlformats.org/officeDocument/2006/relationships/slideLayout" Target="../slideLayouts/slideLayout7.xml"/><Relationship Id="rId4" Type="http://schemas.openxmlformats.org/officeDocument/2006/relationships/image" Target="../media/image85.jpeg"/></Relationships>
</file>

<file path=ppt/slides/_rels/slide151.xml.rels><?xml version="1.0" encoding="UTF-8" standalone="yes"?>
<Relationships xmlns="http://schemas.openxmlformats.org/package/2006/relationships"><Relationship Id="rId3" Type="http://schemas.openxmlformats.org/officeDocument/2006/relationships/image" Target="../media/image86.jpeg"/><Relationship Id="rId2" Type="http://schemas.openxmlformats.org/officeDocument/2006/relationships/notesSlide" Target="../notesSlides/notesSlide132.xml"/><Relationship Id="rId1" Type="http://schemas.openxmlformats.org/officeDocument/2006/relationships/slideLayout" Target="../slideLayouts/slideLayout7.xml"/><Relationship Id="rId6" Type="http://schemas.openxmlformats.org/officeDocument/2006/relationships/image" Target="../media/image89.jpeg"/><Relationship Id="rId5" Type="http://schemas.openxmlformats.org/officeDocument/2006/relationships/image" Target="../media/image88.jpeg"/><Relationship Id="rId4" Type="http://schemas.openxmlformats.org/officeDocument/2006/relationships/image" Target="../media/image87.jpe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chart" Target="../charts/chart12.xml"/><Relationship Id="rId4" Type="http://schemas.openxmlformats.org/officeDocument/2006/relationships/chart" Target="../charts/chart11.xml"/></Relationships>
</file>

<file path=ppt/slides/_rels/slide18.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notesSlide" Target="../notesSlides/notesSlide15.xml"/><Relationship Id="rId1" Type="http://schemas.openxmlformats.org/officeDocument/2006/relationships/slideLayout" Target="../slideLayouts/slideLayout7.xml"/><Relationship Id="rId4" Type="http://schemas.openxmlformats.org/officeDocument/2006/relationships/chart" Target="../charts/chart1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chart" Target="../charts/chart17.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2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chart" Target="../charts/chart23.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28.xml"/><Relationship Id="rId1" Type="http://schemas.openxmlformats.org/officeDocument/2006/relationships/slideLayout" Target="../slideLayouts/slideLayout7.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jpeg"/></Relationships>
</file>

<file path=ppt/slides/_rels/slide38.xml.rels><?xml version="1.0" encoding="UTF-8" standalone="yes"?>
<Relationships xmlns="http://schemas.openxmlformats.org/package/2006/relationships"><Relationship Id="rId2" Type="http://schemas.openxmlformats.org/officeDocument/2006/relationships/chart" Target="../charts/chart24.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image" Target="../media/image9.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notesSlide" Target="../notesSlides/notesSlide36.xml"/><Relationship Id="rId1" Type="http://schemas.openxmlformats.org/officeDocument/2006/relationships/slideLayout" Target="../slideLayouts/slideLayout7.xml"/><Relationship Id="rId4" Type="http://schemas.openxmlformats.org/officeDocument/2006/relationships/chart" Target="../charts/chart27.xml"/></Relationships>
</file>

<file path=ppt/slides/_rels/slide47.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3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2.xml"/><Relationship Id="rId1" Type="http://schemas.openxmlformats.org/officeDocument/2006/relationships/slideLayout" Target="../slideLayouts/slideLayout7.xml"/><Relationship Id="rId4" Type="http://schemas.openxmlformats.org/officeDocument/2006/relationships/chart" Target="../charts/chart34.xml"/></Relationships>
</file>

<file path=ppt/slides/_rels/slide53.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chart" Target="../charts/chart36.xml"/><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chart" Target="../charts/chart37.xml"/><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chart" Target="../charts/chart39.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41.xml"/><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52.xml"/><Relationship Id="rId1" Type="http://schemas.openxmlformats.org/officeDocument/2006/relationships/slideLayout" Target="../slideLayouts/slideLayout7.xml"/><Relationship Id="rId5" Type="http://schemas.openxmlformats.org/officeDocument/2006/relationships/chart" Target="../charts/chart44.xml"/><Relationship Id="rId4" Type="http://schemas.openxmlformats.org/officeDocument/2006/relationships/chart" Target="../charts/chart43.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chart" Target="../charts/chart46.xml"/><Relationship Id="rId2" Type="http://schemas.openxmlformats.org/officeDocument/2006/relationships/chart" Target="../charts/chart45.xm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8" Type="http://schemas.openxmlformats.org/officeDocument/2006/relationships/chart" Target="../charts/chart52.xml"/><Relationship Id="rId3" Type="http://schemas.openxmlformats.org/officeDocument/2006/relationships/chart" Target="../charts/chart47.xml"/><Relationship Id="rId7" Type="http://schemas.openxmlformats.org/officeDocument/2006/relationships/chart" Target="../charts/chart51.xml"/><Relationship Id="rId2" Type="http://schemas.openxmlformats.org/officeDocument/2006/relationships/notesSlide" Target="../notesSlides/notesSlide54.xml"/><Relationship Id="rId1" Type="http://schemas.openxmlformats.org/officeDocument/2006/relationships/slideLayout" Target="../slideLayouts/slideLayout7.xml"/><Relationship Id="rId6" Type="http://schemas.openxmlformats.org/officeDocument/2006/relationships/chart" Target="../charts/chart50.xml"/><Relationship Id="rId5" Type="http://schemas.openxmlformats.org/officeDocument/2006/relationships/chart" Target="../charts/chart49.xml"/><Relationship Id="rId10" Type="http://schemas.openxmlformats.org/officeDocument/2006/relationships/chart" Target="../charts/chart54.xml"/><Relationship Id="rId4" Type="http://schemas.openxmlformats.org/officeDocument/2006/relationships/chart" Target="../charts/chart48.xml"/><Relationship Id="rId9" Type="http://schemas.openxmlformats.org/officeDocument/2006/relationships/chart" Target="../charts/chart53.xml"/></Relationships>
</file>

<file path=ppt/slides/_rels/slide6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3" Type="http://schemas.openxmlformats.org/officeDocument/2006/relationships/notesSlide" Target="../notesSlides/notesSlide58.xml"/><Relationship Id="rId2" Type="http://schemas.openxmlformats.org/officeDocument/2006/relationships/slideLayout" Target="../slideLayouts/slideLayout7.xml"/><Relationship Id="rId1" Type="http://schemas.openxmlformats.org/officeDocument/2006/relationships/vmlDrawing" Target="../drawings/vmlDrawing1.vml"/><Relationship Id="rId5" Type="http://schemas.openxmlformats.org/officeDocument/2006/relationships/image" Target="../media/image14.emf"/><Relationship Id="rId4" Type="http://schemas.openxmlformats.org/officeDocument/2006/relationships/oleObject" Target="../embeddings/oleObject1.bin"/></Relationships>
</file>

<file path=ppt/slides/_rels/slide72.xml.rels><?xml version="1.0" encoding="UTF-8" standalone="yes"?>
<Relationships xmlns="http://schemas.openxmlformats.org/package/2006/relationships"><Relationship Id="rId3" Type="http://schemas.openxmlformats.org/officeDocument/2006/relationships/notesSlide" Target="../notesSlides/notesSlide59.xml"/><Relationship Id="rId2" Type="http://schemas.openxmlformats.org/officeDocument/2006/relationships/slideLayout" Target="../slideLayouts/slideLayout7.xml"/><Relationship Id="rId1" Type="http://schemas.openxmlformats.org/officeDocument/2006/relationships/vmlDrawing" Target="../drawings/vmlDrawing2.vml"/><Relationship Id="rId5" Type="http://schemas.openxmlformats.org/officeDocument/2006/relationships/image" Target="../media/image15.emf"/><Relationship Id="rId4" Type="http://schemas.openxmlformats.org/officeDocument/2006/relationships/oleObject" Target="../embeddings/oleObject2.bin"/></Relationships>
</file>

<file path=ppt/slides/_rels/slide73.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60.xml"/><Relationship Id="rId1" Type="http://schemas.openxmlformats.org/officeDocument/2006/relationships/slideLayout" Target="../slideLayouts/slideLayout7.xml"/><Relationship Id="rId4" Type="http://schemas.openxmlformats.org/officeDocument/2006/relationships/chart" Target="../charts/chart56.xml"/></Relationships>
</file>

<file path=ppt/slides/_rels/slide7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image" Target="../media/image22.emf"/><Relationship Id="rId5" Type="http://schemas.openxmlformats.org/officeDocument/2006/relationships/image" Target="../media/image21.png"/><Relationship Id="rId4" Type="http://schemas.microsoft.com/office/2007/relationships/hdphoto" Target="../media/hdphoto1.wdp"/></Relationships>
</file>

<file path=ppt/slides/_rels/slide8.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23.emf"/><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notesSlide" Target="../notesSlides/notesSlide69.xml"/><Relationship Id="rId1" Type="http://schemas.openxmlformats.org/officeDocument/2006/relationships/slideLayout" Target="../slideLayouts/slideLayout7.xml"/><Relationship Id="rId4" Type="http://schemas.openxmlformats.org/officeDocument/2006/relationships/image" Target="../media/image25.jpeg"/></Relationships>
</file>

<file path=ppt/slides/_rels/slide83.xml.rels><?xml version="1.0" encoding="UTF-8" standalone="yes"?>
<Relationships xmlns="http://schemas.openxmlformats.org/package/2006/relationships"><Relationship Id="rId3" Type="http://schemas.openxmlformats.org/officeDocument/2006/relationships/chart" Target="../charts/chart57.xml"/><Relationship Id="rId2" Type="http://schemas.openxmlformats.org/officeDocument/2006/relationships/notesSlide" Target="../notesSlides/notesSlide70.xml"/><Relationship Id="rId1" Type="http://schemas.openxmlformats.org/officeDocument/2006/relationships/slideLayout" Target="../slideLayouts/slideLayout7.xml"/><Relationship Id="rId4" Type="http://schemas.openxmlformats.org/officeDocument/2006/relationships/chart" Target="../charts/chart58.xml"/></Relationships>
</file>

<file path=ppt/slides/_rels/slide84.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71.xml"/><Relationship Id="rId1" Type="http://schemas.openxmlformats.org/officeDocument/2006/relationships/slideLayout" Target="../slideLayouts/slideLayout7.xml"/><Relationship Id="rId5" Type="http://schemas.openxmlformats.org/officeDocument/2006/relationships/chart" Target="../charts/chart61.xml"/><Relationship Id="rId4" Type="http://schemas.openxmlformats.org/officeDocument/2006/relationships/chart" Target="../charts/chart60.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73.xml"/><Relationship Id="rId1" Type="http://schemas.openxmlformats.org/officeDocument/2006/relationships/slideLayout" Target="../slideLayouts/slideLayout7.xml"/><Relationship Id="rId4" Type="http://schemas.openxmlformats.org/officeDocument/2006/relationships/image" Target="../media/image27.gif"/></Relationships>
</file>

<file path=ppt/slides/_rels/slide87.xml.rels><?xml version="1.0" encoding="UTF-8" standalone="yes"?>
<Relationships xmlns="http://schemas.openxmlformats.org/package/2006/relationships"><Relationship Id="rId3" Type="http://schemas.openxmlformats.org/officeDocument/2006/relationships/chart" Target="../charts/chart62.xml"/><Relationship Id="rId2" Type="http://schemas.openxmlformats.org/officeDocument/2006/relationships/notesSlide" Target="../notesSlides/notesSlide74.xml"/><Relationship Id="rId1" Type="http://schemas.openxmlformats.org/officeDocument/2006/relationships/slideLayout" Target="../slideLayouts/slideLayout1.xml"/></Relationships>
</file>

<file path=ppt/slides/_rels/slide88.xml.rels><?xml version="1.0" encoding="UTF-8" standalone="yes"?>
<Relationships xmlns="http://schemas.openxmlformats.org/package/2006/relationships"><Relationship Id="rId3" Type="http://schemas.openxmlformats.org/officeDocument/2006/relationships/chart" Target="../charts/chart63.xml"/><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chart" Target="../charts/chart64.xml"/><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chart" Target="../charts/chart65.xml"/><Relationship Id="rId2" Type="http://schemas.openxmlformats.org/officeDocument/2006/relationships/notesSlide" Target="../notesSlides/notesSlide77.xml"/><Relationship Id="rId1" Type="http://schemas.openxmlformats.org/officeDocument/2006/relationships/slideLayout" Target="../slideLayouts/slideLayout2.xml"/><Relationship Id="rId4" Type="http://schemas.openxmlformats.org/officeDocument/2006/relationships/image" Target="../media/image28.png"/></Relationships>
</file>

<file path=ppt/slides/_rels/slide91.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chart" Target="../charts/chart66.xml"/><Relationship Id="rId2" Type="http://schemas.openxmlformats.org/officeDocument/2006/relationships/notesSlide" Target="../notesSlides/notesSlide79.xml"/><Relationship Id="rId1" Type="http://schemas.openxmlformats.org/officeDocument/2006/relationships/slideLayout" Target="../slideLayouts/slideLayout2.xml"/><Relationship Id="rId6" Type="http://schemas.openxmlformats.org/officeDocument/2006/relationships/chart" Target="../charts/chart69.xml"/><Relationship Id="rId5" Type="http://schemas.openxmlformats.org/officeDocument/2006/relationships/chart" Target="../charts/chart68.xml"/><Relationship Id="rId4" Type="http://schemas.openxmlformats.org/officeDocument/2006/relationships/chart" Target="../charts/chart67.xml"/></Relationships>
</file>

<file path=ppt/slides/_rels/slide93.xml.rels><?xml version="1.0" encoding="UTF-8" standalone="yes"?>
<Relationships xmlns="http://schemas.openxmlformats.org/package/2006/relationships"><Relationship Id="rId3" Type="http://schemas.openxmlformats.org/officeDocument/2006/relationships/image" Target="../media/image30.emf"/><Relationship Id="rId2" Type="http://schemas.openxmlformats.org/officeDocument/2006/relationships/notesSlide" Target="../notesSlides/notesSlide80.xml"/><Relationship Id="rId1" Type="http://schemas.openxmlformats.org/officeDocument/2006/relationships/slideLayout" Target="../slideLayouts/slideLayout2.xml"/><Relationship Id="rId5" Type="http://schemas.openxmlformats.org/officeDocument/2006/relationships/image" Target="../media/image32.emf"/><Relationship Id="rId4" Type="http://schemas.openxmlformats.org/officeDocument/2006/relationships/image" Target="../media/image31.emf"/></Relationships>
</file>

<file path=ppt/slides/_rels/slide94.xml.rels><?xml version="1.0" encoding="UTF-8" standalone="yes"?>
<Relationships xmlns="http://schemas.openxmlformats.org/package/2006/relationships"><Relationship Id="rId3" Type="http://schemas.openxmlformats.org/officeDocument/2006/relationships/image" Target="../media/image33.emf"/><Relationship Id="rId7" Type="http://schemas.openxmlformats.org/officeDocument/2006/relationships/image" Target="../media/image37.jpeg"/><Relationship Id="rId2" Type="http://schemas.openxmlformats.org/officeDocument/2006/relationships/notesSlide" Target="../notesSlides/notesSlide81.xml"/><Relationship Id="rId1" Type="http://schemas.openxmlformats.org/officeDocument/2006/relationships/slideLayout" Target="../slideLayouts/slideLayout2.xml"/><Relationship Id="rId6" Type="http://schemas.openxmlformats.org/officeDocument/2006/relationships/image" Target="../media/image36.png"/><Relationship Id="rId5" Type="http://schemas.openxmlformats.org/officeDocument/2006/relationships/image" Target="../media/image35.jpeg"/><Relationship Id="rId4" Type="http://schemas.openxmlformats.org/officeDocument/2006/relationships/image" Target="../media/image34.jpeg"/></Relationships>
</file>

<file path=ppt/slides/_rels/slide95.xml.rels><?xml version="1.0" encoding="UTF-8" standalone="yes"?>
<Relationships xmlns="http://schemas.openxmlformats.org/package/2006/relationships"><Relationship Id="rId3" Type="http://schemas.openxmlformats.org/officeDocument/2006/relationships/chart" Target="../charts/chart70.xml"/><Relationship Id="rId2" Type="http://schemas.openxmlformats.org/officeDocument/2006/relationships/notesSlide" Target="../notesSlides/notesSlide82.xml"/><Relationship Id="rId1" Type="http://schemas.openxmlformats.org/officeDocument/2006/relationships/slideLayout" Target="../slideLayouts/slideLayout2.xml"/><Relationship Id="rId4" Type="http://schemas.openxmlformats.org/officeDocument/2006/relationships/chart" Target="../charts/chart71.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83.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7.xml"/></Relationships>
</file>

<file path=ppt/slides/_rels/slide99.xml.rels><?xml version="1.0" encoding="UTF-8" standalone="yes"?>
<Relationships xmlns="http://schemas.openxmlformats.org/package/2006/relationships"><Relationship Id="rId8" Type="http://schemas.openxmlformats.org/officeDocument/2006/relationships/image" Target="../media/image42.png"/><Relationship Id="rId3" Type="http://schemas.microsoft.com/office/2007/relationships/hdphoto" Target="../media/hdphoto2.wdp"/><Relationship Id="rId7" Type="http://schemas.microsoft.com/office/2007/relationships/hdphoto" Target="../media/hdphoto4.wdp"/><Relationship Id="rId2" Type="http://schemas.openxmlformats.org/officeDocument/2006/relationships/image" Target="../media/image39.png"/><Relationship Id="rId1" Type="http://schemas.openxmlformats.org/officeDocument/2006/relationships/slideLayout" Target="../slideLayouts/slideLayout7.xml"/><Relationship Id="rId6" Type="http://schemas.openxmlformats.org/officeDocument/2006/relationships/image" Target="../media/image41.png"/><Relationship Id="rId5" Type="http://schemas.microsoft.com/office/2007/relationships/hdphoto" Target="../media/hdphoto3.wdp"/><Relationship Id="rId4" Type="http://schemas.openxmlformats.org/officeDocument/2006/relationships/image" Target="../media/image40.png"/><Relationship Id="rId9" Type="http://schemas.microsoft.com/office/2007/relationships/hdphoto" Target="../media/hdphoto5.wdp"/></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0" y="1628800"/>
            <a:ext cx="9144000" cy="2880320"/>
          </a:xfrm>
        </p:spPr>
        <p:txBody>
          <a:bodyPr>
            <a:normAutofit/>
          </a:bodyPr>
          <a:lstStyle/>
          <a:p>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a:t>
            </a:r>
            <a:r>
              <a:rPr lang="en-US" altLang="ja-JP" sz="2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9238266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たが、新型コロナウイルス感染症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生産指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全国と同程度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ていたが、新型コロナウイルス感染症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急速に悪化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0" y="6287730"/>
            <a:ext cx="9144000" cy="461665"/>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
        <p:nvSpPr>
          <p:cNvPr id="23" name="正方形/長方形 22"/>
          <p:cNvSpPr/>
          <p:nvPr/>
        </p:nvSpPr>
        <p:spPr>
          <a:xfrm>
            <a:off x="251520" y="764704"/>
            <a:ext cx="9104640"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鉱工業生産指数の推移（</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したときの比較）</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産業経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リサーチセンター「景気動向指数」、内閣府「景気動向指数」、大阪府「大阪府工業指数」、経済産業省「鉱工業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8794" y="2444356"/>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rPr>
              <a:t>（指数）</a:t>
            </a:r>
            <a:endParaRPr kumimoji="1" lang="ja-JP" altLang="en-US" sz="900" dirty="0">
              <a:solidFill>
                <a:schemeClr val="tx1"/>
              </a:solidFill>
            </a:endParaRPr>
          </a:p>
        </p:txBody>
      </p:sp>
      <p:sp>
        <p:nvSpPr>
          <p:cNvPr id="12" name="正方形/長方形 11"/>
          <p:cNvSpPr/>
          <p:nvPr/>
        </p:nvSpPr>
        <p:spPr>
          <a:xfrm>
            <a:off x="4290001" y="2459995"/>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rPr>
              <a:t>（指数）</a:t>
            </a:r>
            <a:endParaRPr kumimoji="1" lang="ja-JP" altLang="en-US" sz="900" dirty="0">
              <a:solidFill>
                <a:schemeClr val="tx1"/>
              </a:solidFill>
            </a:endParaRPr>
          </a:p>
        </p:txBody>
      </p:sp>
      <p:graphicFrame>
        <p:nvGraphicFramePr>
          <p:cNvPr id="13" name="グラフ 12"/>
          <p:cNvGraphicFramePr>
            <a:graphicFrameLocks/>
          </p:cNvGraphicFramePr>
          <p:nvPr>
            <p:extLst>
              <p:ext uri="{D42A27DB-BD31-4B8C-83A1-F6EECF244321}">
                <p14:modId xmlns:p14="http://schemas.microsoft.com/office/powerpoint/2010/main" val="1925573943"/>
              </p:ext>
            </p:extLst>
          </p:nvPr>
        </p:nvGraphicFramePr>
        <p:xfrm>
          <a:off x="-38795" y="2522354"/>
          <a:ext cx="4328795" cy="3708495"/>
        </p:xfrm>
        <a:graphic>
          <a:graphicData uri="http://schemas.openxmlformats.org/drawingml/2006/chart">
            <c:chart xmlns:c="http://schemas.openxmlformats.org/drawingml/2006/chart" xmlns:r="http://schemas.openxmlformats.org/officeDocument/2006/relationships" r:id="rId3"/>
          </a:graphicData>
        </a:graphic>
      </p:graphicFrame>
      <p:sp>
        <p:nvSpPr>
          <p:cNvPr id="5" name="正方形/長方形 4"/>
          <p:cNvSpPr/>
          <p:nvPr/>
        </p:nvSpPr>
        <p:spPr>
          <a:xfrm rot="18806351">
            <a:off x="3504781" y="5791051"/>
            <a:ext cx="864096" cy="2861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dirty="0" smtClean="0">
                <a:solidFill>
                  <a:schemeClr val="tx1"/>
                </a:solidFill>
                <a:latin typeface="+mn-ea"/>
              </a:rPr>
              <a:t>2020</a:t>
            </a:r>
            <a:r>
              <a:rPr kumimoji="1" lang="ja-JP" altLang="en-US" sz="900" dirty="0" smtClean="0">
                <a:solidFill>
                  <a:schemeClr val="tx1"/>
                </a:solidFill>
                <a:latin typeface="+mn-ea"/>
              </a:rPr>
              <a:t>年</a:t>
            </a:r>
            <a:r>
              <a:rPr kumimoji="1" lang="en-US" altLang="ja-JP" sz="900" dirty="0" smtClean="0">
                <a:solidFill>
                  <a:schemeClr val="tx1"/>
                </a:solidFill>
                <a:latin typeface="+mn-ea"/>
              </a:rPr>
              <a:t>9</a:t>
            </a:r>
            <a:r>
              <a:rPr kumimoji="1" lang="ja-JP" altLang="en-US" sz="900" dirty="0" smtClean="0">
                <a:solidFill>
                  <a:schemeClr val="tx1"/>
                </a:solidFill>
                <a:latin typeface="+mn-ea"/>
              </a:rPr>
              <a:t>月</a:t>
            </a:r>
            <a:endParaRPr kumimoji="1" lang="ja-JP" altLang="en-US" sz="900" dirty="0">
              <a:solidFill>
                <a:schemeClr val="tx1"/>
              </a:solidFill>
              <a:latin typeface="+mn-ea"/>
            </a:endParaRPr>
          </a:p>
        </p:txBody>
      </p:sp>
      <p:graphicFrame>
        <p:nvGraphicFramePr>
          <p:cNvPr id="14" name="グラフ 13"/>
          <p:cNvGraphicFramePr>
            <a:graphicFrameLocks/>
          </p:cNvGraphicFramePr>
          <p:nvPr>
            <p:extLst>
              <p:ext uri="{D42A27DB-BD31-4B8C-83A1-F6EECF244321}">
                <p14:modId xmlns:p14="http://schemas.microsoft.com/office/powerpoint/2010/main" val="3882912183"/>
              </p:ext>
            </p:extLst>
          </p:nvPr>
        </p:nvGraphicFramePr>
        <p:xfrm>
          <a:off x="4429300" y="2459996"/>
          <a:ext cx="4642692" cy="3770854"/>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4"/>
          <p:cNvSpPr/>
          <p:nvPr/>
        </p:nvSpPr>
        <p:spPr>
          <a:xfrm rot="18806351">
            <a:off x="8303767" y="5791051"/>
            <a:ext cx="864096" cy="2861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dirty="0" smtClean="0">
                <a:solidFill>
                  <a:schemeClr val="tx1"/>
                </a:solidFill>
                <a:latin typeface="+mn-ea"/>
              </a:rPr>
              <a:t>2020</a:t>
            </a:r>
            <a:r>
              <a:rPr kumimoji="1" lang="ja-JP" altLang="en-US" sz="900" dirty="0" smtClean="0">
                <a:solidFill>
                  <a:schemeClr val="tx1"/>
                </a:solidFill>
                <a:latin typeface="+mn-ea"/>
              </a:rPr>
              <a:t>年</a:t>
            </a:r>
            <a:r>
              <a:rPr kumimoji="1" lang="en-US" altLang="ja-JP" sz="900" dirty="0" smtClean="0">
                <a:solidFill>
                  <a:schemeClr val="tx1"/>
                </a:solidFill>
                <a:latin typeface="+mn-ea"/>
              </a:rPr>
              <a:t>9</a:t>
            </a:r>
            <a:r>
              <a:rPr kumimoji="1" lang="ja-JP" altLang="en-US" sz="900" dirty="0" smtClean="0">
                <a:solidFill>
                  <a:schemeClr val="tx1"/>
                </a:solidFill>
                <a:latin typeface="+mn-ea"/>
              </a:rPr>
              <a:t>月</a:t>
            </a:r>
            <a:endParaRPr kumimoji="1" lang="ja-JP" altLang="en-US" sz="900" dirty="0">
              <a:solidFill>
                <a:schemeClr val="tx1"/>
              </a:solidFill>
              <a:latin typeface="+mn-ea"/>
            </a:endParaRPr>
          </a:p>
        </p:txBody>
      </p:sp>
    </p:spTree>
    <p:extLst>
      <p:ext uri="{BB962C8B-B14F-4D97-AF65-F5344CB8AC3E}">
        <p14:creationId xmlns:p14="http://schemas.microsoft.com/office/powerpoint/2010/main" val="3905666482"/>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0"/>
          <p:cNvSpPr>
            <a:spLocks noChangeArrowheads="1"/>
          </p:cNvSpPr>
          <p:nvPr/>
        </p:nvSpPr>
        <p:spPr bwMode="auto">
          <a:xfrm>
            <a:off x="106016" y="467094"/>
            <a:ext cx="757720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中小企業における先端技術の利活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中小企業庁「中小企業白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22229" y="852283"/>
            <a:ext cx="8928992" cy="12310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RPA</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業績の関係を見る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企業の方が、経常利益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生産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に比べて向上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用率</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は、情報通信業で最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の、業界全体の</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程度にとどまっ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利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よ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際の課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コストが負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の効果が分からない、評価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99</a:t>
            </a:fld>
            <a:endParaRPr lang="ja-JP" altLang="en-US" b="1" dirty="0"/>
          </a:p>
        </p:txBody>
      </p:sp>
      <p:sp>
        <p:nvSpPr>
          <p:cNvPr id="25" name="テキスト ボックス 63"/>
          <p:cNvSpPr txBox="1"/>
          <p:nvPr/>
        </p:nvSpPr>
        <p:spPr>
          <a:xfrm>
            <a:off x="11968" y="4215286"/>
            <a:ext cx="5256584"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率（業種別）</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65"/>
          <p:cNvSpPr txBox="1"/>
          <p:nvPr/>
        </p:nvSpPr>
        <p:spPr>
          <a:xfrm>
            <a:off x="170069" y="4428121"/>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66"/>
          <p:cNvSpPr txBox="1"/>
          <p:nvPr/>
        </p:nvSpPr>
        <p:spPr>
          <a:xfrm>
            <a:off x="8200" y="2101792"/>
            <a:ext cx="447045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経常利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68"/>
          <p:cNvSpPr txBox="1"/>
          <p:nvPr/>
        </p:nvSpPr>
        <p:spPr>
          <a:xfrm>
            <a:off x="4452454" y="2098024"/>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労働生産性</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70"/>
          <p:cNvSpPr txBox="1"/>
          <p:nvPr/>
        </p:nvSpPr>
        <p:spPr>
          <a:xfrm>
            <a:off x="4455280" y="4202479"/>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導入・利用を進めようとする際の課題</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72"/>
          <p:cNvSpPr txBox="1"/>
          <p:nvPr/>
        </p:nvSpPr>
        <p:spPr>
          <a:xfrm>
            <a:off x="4636377" y="4404855"/>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74"/>
          <p:cNvSpPr txBox="1"/>
          <p:nvPr/>
        </p:nvSpPr>
        <p:spPr>
          <a:xfrm>
            <a:off x="-9216" y="6504078"/>
            <a:ext cx="6165392" cy="338554"/>
          </a:xfrm>
          <a:prstGeom prst="rect">
            <a:avLst/>
          </a:prstGeom>
          <a:noFill/>
        </p:spPr>
        <p:txBody>
          <a:bodyPr wrap="square" rtlCol="0">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資料：三菱</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UFJ</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リサーチ</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mp;</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コンサルティング（株）「人手不足対応に向けた生産性向上の取組に関する調査」（</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を活用している」とは、</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うち少なくと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つ以上を活用していると回答した者であ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18849" y="2299299"/>
            <a:ext cx="9035055" cy="4298053"/>
          </a:xfrm>
          <a:prstGeom prst="rect">
            <a:avLst/>
          </a:prstGeom>
        </p:spPr>
      </p:pic>
    </p:spTree>
    <p:extLst>
      <p:ext uri="{BB962C8B-B14F-4D97-AF65-F5344CB8AC3E}">
        <p14:creationId xmlns:p14="http://schemas.microsoft.com/office/powerpoint/2010/main" val="3290378461"/>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0</a:t>
            </a:fld>
            <a:endParaRPr lang="ja-JP" altLang="en-US" dirty="0"/>
          </a:p>
        </p:txBody>
      </p:sp>
      <p:sp>
        <p:nvSpPr>
          <p:cNvPr id="21"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対応した学び直し（リカレント教育）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836712"/>
            <a:ext cx="8928992" cy="8327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の社会実装の進展に伴う学び直しの必要性について、年代別の意識調査では、男女ともに若年層で高く、高齢層で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び直しの障害要因をみると、費用や時間を工面することに困難を感じる割合が高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3" y="1669468"/>
            <a:ext cx="4554253" cy="104644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伴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必要性に関する意識（年代別比較）</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版　情報通信白書」内</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インクルージョンの実現に関する調査研究</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48472" y="1669468"/>
            <a:ext cx="4895528" cy="61555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障害要因</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デザイン＆テクノロジーズ株式会社</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社会人の大学等における学び直しの実態把握に関する調査研究</a:t>
            </a:r>
            <a:r>
              <a:rPr kumimoji="1"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7016" y="2260004"/>
            <a:ext cx="9589839" cy="4627265"/>
          </a:xfrm>
          <a:prstGeom prst="rect">
            <a:avLst/>
          </a:prstGeom>
        </p:spPr>
      </p:pic>
    </p:spTree>
    <p:extLst>
      <p:ext uri="{BB962C8B-B14F-4D97-AF65-F5344CB8AC3E}">
        <p14:creationId xmlns:p14="http://schemas.microsoft.com/office/powerpoint/2010/main" val="996388077"/>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71561"/>
            <a:ext cx="936104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業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6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３事業所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少し、近年は開業数ともに減少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1</a:t>
            </a:fld>
            <a:endParaRPr lang="ja-JP" altLang="en-US" sz="1800" dirty="0">
              <a:solidFill>
                <a:schemeClr val="tx1"/>
              </a:solidFill>
            </a:endParaRPr>
          </a:p>
        </p:txBody>
      </p:sp>
      <p:graphicFrame>
        <p:nvGraphicFramePr>
          <p:cNvPr id="8" name="グラフ 7"/>
          <p:cNvGraphicFramePr>
            <a:graphicFrameLocks/>
          </p:cNvGraphicFramePr>
          <p:nvPr>
            <p:extLst>
              <p:ext uri="{D42A27DB-BD31-4B8C-83A1-F6EECF244321}">
                <p14:modId xmlns:p14="http://schemas.microsoft.com/office/powerpoint/2010/main" val="1606114894"/>
              </p:ext>
            </p:extLst>
          </p:nvPr>
        </p:nvGraphicFramePr>
        <p:xfrm>
          <a:off x="35496" y="2204864"/>
          <a:ext cx="9001000" cy="459949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03443697"/>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4" name="グラフ 23"/>
          <p:cNvGraphicFramePr>
            <a:graphicFrameLocks/>
          </p:cNvGraphicFramePr>
          <p:nvPr>
            <p:extLst>
              <p:ext uri="{D42A27DB-BD31-4B8C-83A1-F6EECF244321}">
                <p14:modId xmlns:p14="http://schemas.microsoft.com/office/powerpoint/2010/main" val="804578620"/>
              </p:ext>
            </p:extLst>
          </p:nvPr>
        </p:nvGraphicFramePr>
        <p:xfrm>
          <a:off x="4581823" y="2199233"/>
          <a:ext cx="4454673" cy="465313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ext uri="{D42A27DB-BD31-4B8C-83A1-F6EECF244321}">
                <p14:modId xmlns:p14="http://schemas.microsoft.com/office/powerpoint/2010/main" val="1423261609"/>
              </p:ext>
            </p:extLst>
          </p:nvPr>
        </p:nvGraphicFramePr>
        <p:xfrm>
          <a:off x="97580" y="2290282"/>
          <a:ext cx="4474420" cy="4366556"/>
        </p:xfrm>
        <a:graphic>
          <a:graphicData uri="http://schemas.openxmlformats.org/drawingml/2006/chart">
            <c:chart xmlns:c="http://schemas.openxmlformats.org/drawingml/2006/chart" xmlns:r="http://schemas.openxmlformats.org/officeDocument/2006/relationships" r:id="rId4"/>
          </a:graphicData>
        </a:graphic>
      </p:graphicFrame>
      <p:sp>
        <p:nvSpPr>
          <p:cNvPr id="22" name="正方形/長方形 10"/>
          <p:cNvSpPr>
            <a:spLocks noChangeArrowheads="1"/>
          </p:cNvSpPr>
          <p:nvPr/>
        </p:nvSpPr>
        <p:spPr bwMode="auto">
          <a:xfrm>
            <a:off x="35496" y="498158"/>
            <a:ext cx="9217024"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道府県別、開業数</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開業率の</a:t>
            </a:r>
            <a:r>
              <a:rPr lang="ja-JP" altLang="en-US" dirty="0">
                <a:latin typeface="Meiryo UI" panose="020B0604030504040204" pitchFamily="50" charset="-128"/>
                <a:ea typeface="Meiryo UI" panose="020B0604030504040204" pitchFamily="50" charset="-128"/>
                <a:cs typeface="Meiryo UI" panose="020B0604030504040204" pitchFamily="50" charset="-128"/>
              </a:rPr>
              <a:t>推移</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dirty="0">
                <a:latin typeface="Meiryo UI" panose="020B0604030504040204" pitchFamily="50" charset="-128"/>
                <a:ea typeface="Meiryo UI" panose="020B0604030504040204" pitchFamily="50" charset="-128"/>
                <a:cs typeface="Meiryo UI" panose="020B0604030504040204" pitchFamily="50" charset="-128"/>
              </a:rPr>
              <a:t>ベース</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伸び率はほぼ横ばいとなったが、依然として東京都に次いで２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で、全国平均を上回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2</a:t>
            </a:fld>
            <a:endParaRPr lang="ja-JP" altLang="en-US" sz="1800" dirty="0">
              <a:solidFill>
                <a:schemeClr val="tx1"/>
              </a:solidFill>
            </a:endParaRPr>
          </a:p>
        </p:txBody>
      </p:sp>
      <p:sp>
        <p:nvSpPr>
          <p:cNvPr id="17" name="テキスト ボックス 1"/>
          <p:cNvSpPr txBox="1"/>
          <p:nvPr/>
        </p:nvSpPr>
        <p:spPr>
          <a:xfrm>
            <a:off x="706884" y="2889057"/>
            <a:ext cx="1384396" cy="1017168"/>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2019</a:t>
            </a:r>
            <a:r>
              <a:rPr lang="ja-JP" sz="800" b="1" kern="100" dirty="0" smtClean="0">
                <a:effectLst/>
                <a:latin typeface="游明朝" panose="02020400000000000000" pitchFamily="18" charset="-128"/>
                <a:ea typeface="游明朝" panose="02020400000000000000" pitchFamily="18" charset="-128"/>
                <a:cs typeface="Times New Roman" panose="02020603050405020304" pitchFamily="18" charset="0"/>
              </a:rPr>
              <a:t>全国</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１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東京</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17</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644</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２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ja-JP" alt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8,460</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３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5,789</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４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神奈川</a:t>
            </a:r>
            <a:r>
              <a:rPr lang="en-US" alt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5,330</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3" name="正方形/長方形 2"/>
          <p:cNvSpPr/>
          <p:nvPr/>
        </p:nvSpPr>
        <p:spPr>
          <a:xfrm>
            <a:off x="-51464" y="2322095"/>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rPr>
              <a:t>（</a:t>
            </a:r>
            <a:r>
              <a:rPr kumimoji="1" lang="ja-JP" altLang="en-US" sz="1000" dirty="0" smtClean="0">
                <a:solidFill>
                  <a:schemeClr val="tx1"/>
                </a:solidFill>
              </a:rPr>
              <a:t>事業所</a:t>
            </a:r>
            <a:r>
              <a:rPr kumimoji="1" lang="ja-JP" altLang="en-US" sz="800" dirty="0" smtClean="0">
                <a:solidFill>
                  <a:schemeClr val="tx1"/>
                </a:solidFill>
              </a:rPr>
              <a:t>）</a:t>
            </a:r>
            <a:endParaRPr kumimoji="1" lang="ja-JP" altLang="en-US" sz="800" dirty="0">
              <a:solidFill>
                <a:schemeClr val="tx1"/>
              </a:solidFill>
            </a:endParaRPr>
          </a:p>
        </p:txBody>
      </p:sp>
      <p:sp>
        <p:nvSpPr>
          <p:cNvPr id="21" name="テキスト ボックス 1"/>
          <p:cNvSpPr txBox="1"/>
          <p:nvPr/>
        </p:nvSpPr>
        <p:spPr>
          <a:xfrm>
            <a:off x="5153051" y="2889057"/>
            <a:ext cx="1384374" cy="1267937"/>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2019</a:t>
            </a:r>
            <a:r>
              <a:rPr lang="ja-JP" sz="800" b="1" kern="100" dirty="0" smtClean="0">
                <a:effectLst/>
                <a:latin typeface="游明朝" panose="02020400000000000000" pitchFamily="18" charset="-128"/>
                <a:ea typeface="游明朝" panose="02020400000000000000" pitchFamily="18" charset="-128"/>
                <a:cs typeface="Times New Roman" panose="02020603050405020304" pitchFamily="18" charset="0"/>
              </a:rPr>
              <a:t>全国</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１</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沖縄</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6.6</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a:pPr algn="just">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３</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smtClean="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4.9</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５</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smtClean="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東京</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4.8</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endParaRPr>
          </a:p>
          <a:p>
            <a:pPr algn="just">
              <a:lnSpc>
                <a:spcPts val="1200"/>
              </a:lnSpc>
              <a:spcAft>
                <a:spcPts val="0"/>
              </a:spcAft>
            </a:pP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10</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sz="800" b="1" kern="100" dirty="0" smtClean="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4.5</a:t>
            </a: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Tree>
    <p:extLst>
      <p:ext uri="{BB962C8B-B14F-4D97-AF65-F5344CB8AC3E}">
        <p14:creationId xmlns:p14="http://schemas.microsoft.com/office/powerpoint/2010/main" val="172491702"/>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07504" y="49547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末時点）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厚生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宿泊業、飲食サービス業」についてもインバウンドの増加等を背景に増加傾向が続い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や「卸売業」の事業所数は減少傾向となってい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3</a:t>
            </a:fld>
            <a:endParaRPr lang="ja-JP" altLang="en-US" sz="1800" dirty="0">
              <a:solidFill>
                <a:schemeClr val="tx1"/>
              </a:solidFill>
            </a:endParaRPr>
          </a:p>
        </p:txBody>
      </p:sp>
      <p:graphicFrame>
        <p:nvGraphicFramePr>
          <p:cNvPr id="8" name="グラフ 7"/>
          <p:cNvGraphicFramePr>
            <a:graphicFrameLocks/>
          </p:cNvGraphicFramePr>
          <p:nvPr>
            <p:extLst/>
          </p:nvPr>
        </p:nvGraphicFramePr>
        <p:xfrm>
          <a:off x="22571" y="1916832"/>
          <a:ext cx="9013925" cy="493356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556951789"/>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05081" y="503285"/>
            <a:ext cx="921702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①</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中小企業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版 中小企業白書」</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の年齢分布</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ベー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みると、</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9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かけ、経営者の高齢化が顕著となっ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中小企業の経営者年齢の高齢化は、従業員規模の小さな企業ほど進む傾向にあ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345454" y="2302632"/>
            <a:ext cx="4299223"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者年齢の高齢化比率の推移（従業員規模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4</a:t>
            </a:fld>
            <a:endParaRPr lang="ja-JP" altLang="en-US" sz="1800" dirty="0">
              <a:solidFill>
                <a:schemeClr val="tx1"/>
              </a:solidFill>
            </a:endParaRPr>
          </a:p>
        </p:txBody>
      </p:sp>
      <p:pic>
        <p:nvPicPr>
          <p:cNvPr id="4" name="Picture 3"/>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4345454" y="2996952"/>
            <a:ext cx="4666990" cy="31729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 name="図 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42731" y="2503175"/>
            <a:ext cx="4189994" cy="4051399"/>
          </a:xfrm>
          <a:prstGeom prst="rect">
            <a:avLst/>
          </a:prstGeom>
        </p:spPr>
      </p:pic>
      <p:sp>
        <p:nvSpPr>
          <p:cNvPr id="13" name="正方形/長方形 12"/>
          <p:cNvSpPr/>
          <p:nvPr/>
        </p:nvSpPr>
        <p:spPr>
          <a:xfrm>
            <a:off x="110631" y="2401839"/>
            <a:ext cx="3816424" cy="360040"/>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年齢の分布（年代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8595447"/>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5</a:t>
            </a:fld>
            <a:endParaRPr lang="ja-JP" altLang="en-US" sz="1800" dirty="0">
              <a:solidFill>
                <a:schemeClr val="tx1"/>
              </a:solidFill>
            </a:endParaRPr>
          </a:p>
        </p:txBody>
      </p:sp>
      <p:sp>
        <p:nvSpPr>
          <p:cNvPr id="21" name="正方形/長方形 10"/>
          <p:cNvSpPr>
            <a:spLocks noChangeArrowheads="1"/>
          </p:cNvSpPr>
          <p:nvPr/>
        </p:nvSpPr>
        <p:spPr bwMode="auto">
          <a:xfrm>
            <a:off x="101678" y="49694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②</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東京商工リサー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　全国社長の年齢調査」</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44624"/>
            <a:ext cx="8928992" cy="10860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商工リサーチの調査によると、大阪府の社長の平均年齢（</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と、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に低い水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rPr>
              <a:t> 2017</a:t>
            </a:r>
            <a:r>
              <a:rPr lang="ja-JP" altLang="en-US" sz="1600" dirty="0">
                <a:solidFill>
                  <a:schemeClr val="tx1"/>
                </a:solidFill>
                <a:latin typeface="Meiryo UI" panose="020B0604030504040204" pitchFamily="50" charset="-128"/>
                <a:ea typeface="Meiryo UI" panose="020B0604030504040204" pitchFamily="50" charset="-128"/>
              </a:rPr>
              <a:t>年に</a:t>
            </a:r>
            <a:r>
              <a:rPr lang="en-US" altLang="ja-JP" sz="1600" dirty="0">
                <a:solidFill>
                  <a:schemeClr val="tx1"/>
                </a:solidFill>
                <a:latin typeface="Meiryo UI" panose="020B0604030504040204" pitchFamily="50" charset="-128"/>
                <a:ea typeface="Meiryo UI" panose="020B0604030504040204" pitchFamily="50" charset="-128"/>
              </a:rPr>
              <a:t>60</a:t>
            </a:r>
            <a:r>
              <a:rPr lang="ja-JP" altLang="en-US" sz="1600" dirty="0">
                <a:solidFill>
                  <a:schemeClr val="tx1"/>
                </a:solidFill>
                <a:latin typeface="Meiryo UI" panose="020B0604030504040204" pitchFamily="50" charset="-128"/>
                <a:ea typeface="Meiryo UI" panose="020B0604030504040204" pitchFamily="50" charset="-128"/>
              </a:rPr>
              <a:t>歳の大台を突破</a:t>
            </a:r>
            <a:r>
              <a:rPr lang="ja-JP" altLang="en-US" sz="1600" dirty="0" smtClean="0">
                <a:solidFill>
                  <a:schemeClr val="tx1"/>
                </a:solidFill>
                <a:latin typeface="Meiryo UI" panose="020B0604030504040204" pitchFamily="50" charset="-128"/>
                <a:ea typeface="Meiryo UI" panose="020B0604030504040204" pitchFamily="50" charset="-128"/>
              </a:rPr>
              <a:t>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社長の年齢が上がるにつれ、業績が減収となっている企業の割合が高く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747" y="2091009"/>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社長の平均年齢＜</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5388247" y="2088042"/>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社長年齢別、増減収率（全国）＜</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5388247" y="2709823"/>
          <a:ext cx="3812472" cy="4128233"/>
        </p:xfrm>
        <a:graphic>
          <a:graphicData uri="http://schemas.openxmlformats.org/drawingml/2006/chart">
            <c:chart xmlns:c="http://schemas.openxmlformats.org/drawingml/2006/chart" xmlns:r="http://schemas.openxmlformats.org/officeDocument/2006/relationships" r:id="rId3"/>
          </a:graphicData>
        </a:graphic>
      </p:graphicFrame>
      <p:pic>
        <p:nvPicPr>
          <p:cNvPr id="5" name="図 4"/>
          <p:cNvPicPr>
            <a:picLocks noChangeAspect="1"/>
          </p:cNvPicPr>
          <p:nvPr/>
        </p:nvPicPr>
        <p:blipFill>
          <a:blip r:embed="rId4"/>
          <a:stretch>
            <a:fillRect/>
          </a:stretch>
        </p:blipFill>
        <p:spPr>
          <a:xfrm>
            <a:off x="101678" y="2398786"/>
            <a:ext cx="2587258" cy="4439270"/>
          </a:xfrm>
          <a:prstGeom prst="rect">
            <a:avLst/>
          </a:prstGeom>
        </p:spPr>
      </p:pic>
      <p:pic>
        <p:nvPicPr>
          <p:cNvPr id="6" name="図 5"/>
          <p:cNvPicPr>
            <a:picLocks noChangeAspect="1"/>
          </p:cNvPicPr>
          <p:nvPr/>
        </p:nvPicPr>
        <p:blipFill>
          <a:blip r:embed="rId5"/>
          <a:stretch>
            <a:fillRect/>
          </a:stretch>
        </p:blipFill>
        <p:spPr>
          <a:xfrm>
            <a:off x="2703468" y="2709823"/>
            <a:ext cx="2574079" cy="3982006"/>
          </a:xfrm>
          <a:prstGeom prst="rect">
            <a:avLst/>
          </a:prstGeom>
        </p:spPr>
      </p:pic>
      <p:sp>
        <p:nvSpPr>
          <p:cNvPr id="2" name="正方形/長方形 1"/>
          <p:cNvSpPr/>
          <p:nvPr/>
        </p:nvSpPr>
        <p:spPr>
          <a:xfrm>
            <a:off x="2703468" y="6326520"/>
            <a:ext cx="2574079" cy="158501"/>
          </a:xfrm>
          <a:prstGeom prst="rect">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3" name="テキスト ボックス 12"/>
          <p:cNvSpPr txBox="1"/>
          <p:nvPr/>
        </p:nvSpPr>
        <p:spPr>
          <a:xfrm>
            <a:off x="5285949" y="2492896"/>
            <a:ext cx="747362"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51616429"/>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49322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新規上場動向</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引所</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08719"/>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新規上場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と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差が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新規上場企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うち、代表者の出身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代表者の出身大学所在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6" name="テキスト ボックス 5"/>
          <p:cNvSpPr txBox="1"/>
          <p:nvPr/>
        </p:nvSpPr>
        <p:spPr>
          <a:xfrm>
            <a:off x="105308" y="448937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に上場した大阪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196909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25" name="テキスト ボックス 24"/>
          <p:cNvSpPr txBox="1"/>
          <p:nvPr/>
        </p:nvSpPr>
        <p:spPr>
          <a:xfrm>
            <a:off x="4572000" y="2103239"/>
            <a:ext cx="4536504"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に本社を置く新規上場企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に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者の出身地・出身大学所在地別の企業数</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3"/>
          <p:cNvGraphicFramePr>
            <a:graphicFrameLocks noGrp="1"/>
          </p:cNvGraphicFramePr>
          <p:nvPr>
            <p:extLst/>
          </p:nvPr>
        </p:nvGraphicFramePr>
        <p:xfrm>
          <a:off x="4661757" y="2564904"/>
          <a:ext cx="4230723" cy="2006352"/>
        </p:xfrm>
        <a:graphic>
          <a:graphicData uri="http://schemas.openxmlformats.org/drawingml/2006/table">
            <a:tbl>
              <a:tblPr firstRow="1" bandRow="1">
                <a:tableStyleId>{5C22544A-7EE6-4342-B048-85BDC9FD1C3A}</a:tableStyleId>
              </a:tblPr>
              <a:tblGrid>
                <a:gridCol w="414299">
                  <a:extLst>
                    <a:ext uri="{9D8B030D-6E8A-4147-A177-3AD203B41FA5}">
                      <a16:colId xmlns:a16="http://schemas.microsoft.com/office/drawing/2014/main" val="20000"/>
                    </a:ext>
                  </a:extLst>
                </a:gridCol>
                <a:gridCol w="1908212">
                  <a:extLst>
                    <a:ext uri="{9D8B030D-6E8A-4147-A177-3AD203B41FA5}">
                      <a16:colId xmlns:a16="http://schemas.microsoft.com/office/drawing/2014/main" val="20001"/>
                    </a:ext>
                  </a:extLst>
                </a:gridCol>
                <a:gridCol w="1908212">
                  <a:extLst>
                    <a:ext uri="{9D8B030D-6E8A-4147-A177-3AD203B41FA5}">
                      <a16:colId xmlns:a16="http://schemas.microsoft.com/office/drawing/2014/main" val="20002"/>
                    </a:ext>
                  </a:extLst>
                </a:gridCol>
              </a:tblGrid>
              <a:tr h="334392">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大学所在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神奈川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兵庫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ほか</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6</a:t>
            </a:fld>
            <a:endParaRPr lang="ja-JP" altLang="en-US" dirty="0"/>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79512" y="2174667"/>
            <a:ext cx="68407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100868" y="2276871"/>
          <a:ext cx="4255108" cy="2366392"/>
        </p:xfrm>
        <a:graphic>
          <a:graphicData uri="http://schemas.openxmlformats.org/drawingml/2006/chart">
            <c:chart xmlns:c="http://schemas.openxmlformats.org/drawingml/2006/chart" xmlns:r="http://schemas.openxmlformats.org/officeDocument/2006/relationships" r:id="rId3"/>
          </a:graphicData>
        </a:graphic>
      </p:graphicFrame>
      <p:sp>
        <p:nvSpPr>
          <p:cNvPr id="20" name="四角形吹き出し 19"/>
          <p:cNvSpPr/>
          <p:nvPr/>
        </p:nvSpPr>
        <p:spPr>
          <a:xfrm>
            <a:off x="4499992" y="2070720"/>
            <a:ext cx="4536504" cy="2572543"/>
          </a:xfrm>
          <a:prstGeom prst="wedgeRectCallout">
            <a:avLst>
              <a:gd name="adj1" fmla="val -114395"/>
              <a:gd name="adj2" fmla="val -15089"/>
            </a:avLst>
          </a:prstGeom>
          <a:noFill/>
          <a:ln w="9525">
            <a:solidFill>
              <a:schemeClr val="accent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643247796"/>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89757" y="5486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機関提案型融資の実績（年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ース）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融資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績」より作成</a:t>
            </a:r>
            <a:endParaRPr lang="ja-JP" altLang="en-US" sz="1600" b="1" dirty="0"/>
          </a:p>
        </p:txBody>
      </p:sp>
      <p:sp>
        <p:nvSpPr>
          <p:cNvPr id="23" name="正方形/長方形 22"/>
          <p:cNvSpPr/>
          <p:nvPr/>
        </p:nvSpPr>
        <p:spPr>
          <a:xfrm>
            <a:off x="107504" y="1124743"/>
            <a:ext cx="8928992" cy="1041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金融機関提案型融資の実績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減少し</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を下回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07</a:t>
            </a:fld>
            <a:endParaRPr lang="ja-JP" altLang="en-US" dirty="0"/>
          </a:p>
        </p:txBody>
      </p:sp>
      <p:sp>
        <p:nvSpPr>
          <p:cNvPr id="2" name="正方形/長方形 1"/>
          <p:cNvSpPr/>
          <p:nvPr/>
        </p:nvSpPr>
        <p:spPr>
          <a:xfrm>
            <a:off x="0"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百万円）</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12" name="正方形/長方形 11"/>
          <p:cNvSpPr/>
          <p:nvPr/>
        </p:nvSpPr>
        <p:spPr>
          <a:xfrm>
            <a:off x="8282239"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行）</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graphicFrame>
        <p:nvGraphicFramePr>
          <p:cNvPr id="10" name="グラフ 9"/>
          <p:cNvGraphicFramePr>
            <a:graphicFrameLocks/>
          </p:cNvGraphicFramePr>
          <p:nvPr>
            <p:extLst/>
          </p:nvPr>
        </p:nvGraphicFramePr>
        <p:xfrm>
          <a:off x="107504" y="2165870"/>
          <a:ext cx="8928992" cy="457639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79315111"/>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89017" y="49653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学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企業数（地域別・大学</a:t>
            </a:r>
            <a:r>
              <a:rPr lang="ja-JP" altLang="en-US" dirty="0">
                <a:latin typeface="Meiryo UI" panose="020B0604030504040204" pitchFamily="50" charset="-128"/>
                <a:ea typeface="Meiryo UI" panose="020B0604030504040204" pitchFamily="50" charset="-128"/>
                <a:cs typeface="Meiryo UI" panose="020B0604030504040204" pitchFamily="50" charset="-128"/>
              </a:rPr>
              <a:t>別</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元年度産業技術調査事業 報告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創出数は、大阪府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別では、京都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関西圏の大学も上位に入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3079079710"/>
              </p:ext>
            </p:extLst>
          </p:nvPr>
        </p:nvGraphicFramePr>
        <p:xfrm>
          <a:off x="101332" y="2348880"/>
          <a:ext cx="4326651" cy="3960451"/>
        </p:xfrm>
        <a:graphic>
          <a:graphicData uri="http://schemas.openxmlformats.org/drawingml/2006/table">
            <a:tbl>
              <a:tblPr>
                <a:tableStyleId>{BC89EF96-8CEA-46FF-86C4-4CE0E7609802}</a:tableStyleId>
              </a:tblPr>
              <a:tblGrid>
                <a:gridCol w="462081">
                  <a:extLst>
                    <a:ext uri="{9D8B030D-6E8A-4147-A177-3AD203B41FA5}">
                      <a16:colId xmlns:a16="http://schemas.microsoft.com/office/drawing/2014/main" val="20000"/>
                    </a:ext>
                  </a:extLst>
                </a:gridCol>
                <a:gridCol w="1268580">
                  <a:extLst>
                    <a:ext uri="{9D8B030D-6E8A-4147-A177-3AD203B41FA5}">
                      <a16:colId xmlns:a16="http://schemas.microsoft.com/office/drawing/2014/main" val="20001"/>
                    </a:ext>
                  </a:extLst>
                </a:gridCol>
                <a:gridCol w="865330">
                  <a:extLst>
                    <a:ext uri="{9D8B030D-6E8A-4147-A177-3AD203B41FA5}">
                      <a16:colId xmlns:a16="http://schemas.microsoft.com/office/drawing/2014/main" val="20004"/>
                    </a:ext>
                  </a:extLst>
                </a:gridCol>
                <a:gridCol w="865330">
                  <a:extLst>
                    <a:ext uri="{9D8B030D-6E8A-4147-A177-3AD203B41FA5}">
                      <a16:colId xmlns:a16="http://schemas.microsoft.com/office/drawing/2014/main" val="20005"/>
                    </a:ext>
                  </a:extLst>
                </a:gridCol>
                <a:gridCol w="865330">
                  <a:extLst>
                    <a:ext uri="{9D8B030D-6E8A-4147-A177-3AD203B41FA5}">
                      <a16:colId xmlns:a16="http://schemas.microsoft.com/office/drawing/2014/main" val="64048859"/>
                    </a:ext>
                  </a:extLst>
                </a:gridCol>
              </a:tblGrid>
              <a:tr h="360041">
                <a:tc gridSpan="2">
                  <a:txBody>
                    <a:bodyPr/>
                    <a:lstStyle/>
                    <a:p>
                      <a:pPr algn="l"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360041">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宮城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360041">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360041">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bl>
          </a:graphicData>
        </a:graphic>
      </p:graphicFrame>
      <p:sp>
        <p:nvSpPr>
          <p:cNvPr id="21" name="テキスト ボックス 20"/>
          <p:cNvSpPr txBox="1"/>
          <p:nvPr/>
        </p:nvSpPr>
        <p:spPr>
          <a:xfrm>
            <a:off x="35496" y="2017925"/>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別</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07504" y="6381328"/>
            <a:ext cx="8568950"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学公認の大学発ベンチャー創出数ではない。本調査で独自に規定した大学発ベンチャーの創出数を示すもの。</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大学発ベンチャー数を集計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表 1"/>
          <p:cNvGraphicFramePr>
            <a:graphicFrameLocks noGrp="1"/>
          </p:cNvGraphicFramePr>
          <p:nvPr>
            <p:extLst>
              <p:ext uri="{D42A27DB-BD31-4B8C-83A1-F6EECF244321}">
                <p14:modId xmlns:p14="http://schemas.microsoft.com/office/powerpoint/2010/main" val="2076551114"/>
              </p:ext>
            </p:extLst>
          </p:nvPr>
        </p:nvGraphicFramePr>
        <p:xfrm>
          <a:off x="4749908" y="2345535"/>
          <a:ext cx="4286590" cy="3963795"/>
        </p:xfrm>
        <a:graphic>
          <a:graphicData uri="http://schemas.openxmlformats.org/drawingml/2006/table">
            <a:tbl>
              <a:tblPr>
                <a:tableStyleId>{BC89EF96-8CEA-46FF-86C4-4CE0E7609802}</a:tableStyleId>
              </a:tblPr>
              <a:tblGrid>
                <a:gridCol w="541463">
                  <a:extLst>
                    <a:ext uri="{9D8B030D-6E8A-4147-A177-3AD203B41FA5}">
                      <a16:colId xmlns:a16="http://schemas.microsoft.com/office/drawing/2014/main" val="20000"/>
                    </a:ext>
                  </a:extLst>
                </a:gridCol>
                <a:gridCol w="1173173">
                  <a:extLst>
                    <a:ext uri="{9D8B030D-6E8A-4147-A177-3AD203B41FA5}">
                      <a16:colId xmlns:a16="http://schemas.microsoft.com/office/drawing/2014/main" val="20001"/>
                    </a:ext>
                  </a:extLst>
                </a:gridCol>
                <a:gridCol w="857318">
                  <a:extLst>
                    <a:ext uri="{9D8B030D-6E8A-4147-A177-3AD203B41FA5}">
                      <a16:colId xmlns:a16="http://schemas.microsoft.com/office/drawing/2014/main" val="20004"/>
                    </a:ext>
                  </a:extLst>
                </a:gridCol>
                <a:gridCol w="857318">
                  <a:extLst>
                    <a:ext uri="{9D8B030D-6E8A-4147-A177-3AD203B41FA5}">
                      <a16:colId xmlns:a16="http://schemas.microsoft.com/office/drawing/2014/main" val="20005"/>
                    </a:ext>
                  </a:extLst>
                </a:gridCol>
                <a:gridCol w="857318">
                  <a:extLst>
                    <a:ext uri="{9D8B030D-6E8A-4147-A177-3AD203B41FA5}">
                      <a16:colId xmlns:a16="http://schemas.microsoft.com/office/drawing/2014/main" val="2617939143"/>
                    </a:ext>
                  </a:extLst>
                </a:gridCol>
              </a:tblGrid>
              <a:tr h="264253">
                <a:tc gridSpan="2">
                  <a:txBody>
                    <a:bodyPr/>
                    <a:lstStyle/>
                    <a:p>
                      <a:pPr algn="r"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３</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4279297668"/>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九州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3490444954"/>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古屋</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699373321"/>
                  </a:ext>
                </a:extLst>
              </a:tr>
              <a:tr h="264253">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稲田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慶應義塾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6425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264253">
                <a:tc gridSpan="4">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大学</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龍谷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2"/>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戸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3081914878"/>
                  </a:ext>
                </a:extLst>
              </a:tr>
              <a:tr h="264253">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立命館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3"/>
                  </a:ext>
                </a:extLst>
              </a:tr>
            </a:tbl>
          </a:graphicData>
        </a:graphic>
      </p:graphicFrame>
      <p:sp>
        <p:nvSpPr>
          <p:cNvPr id="24" name="テキスト ボックス 23"/>
          <p:cNvSpPr txBox="1"/>
          <p:nvPr/>
        </p:nvSpPr>
        <p:spPr>
          <a:xfrm>
            <a:off x="4677900" y="2014578"/>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別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8</a:t>
            </a:fld>
            <a:endParaRPr lang="ja-JP" altLang="en-US" dirty="0"/>
          </a:p>
        </p:txBody>
      </p:sp>
    </p:spTree>
    <p:extLst>
      <p:ext uri="{BB962C8B-B14F-4D97-AF65-F5344CB8AC3E}">
        <p14:creationId xmlns:p14="http://schemas.microsoft.com/office/powerpoint/2010/main" val="349063364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extLst>
              <p:ext uri="{D42A27DB-BD31-4B8C-83A1-F6EECF244321}">
                <p14:modId xmlns:p14="http://schemas.microsoft.com/office/powerpoint/2010/main" val="1473490276"/>
              </p:ext>
            </p:extLst>
          </p:nvPr>
        </p:nvGraphicFramePr>
        <p:xfrm>
          <a:off x="166192" y="3607946"/>
          <a:ext cx="8870304" cy="2828925"/>
        </p:xfrm>
        <a:graphic>
          <a:graphicData uri="http://schemas.openxmlformats.org/drawingml/2006/chart">
            <c:chart xmlns:c="http://schemas.openxmlformats.org/drawingml/2006/chart" xmlns:r="http://schemas.openxmlformats.org/officeDocument/2006/relationships" r:id="rId3"/>
          </a:graphicData>
        </a:graphic>
      </p:graphicFrame>
      <p:sp>
        <p:nvSpPr>
          <p:cNvPr id="4" name="正方形/長方形 3"/>
          <p:cNvSpPr/>
          <p:nvPr/>
        </p:nvSpPr>
        <p:spPr>
          <a:xfrm>
            <a:off x="251520" y="764704"/>
            <a:ext cx="68397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百貨店</a:t>
            </a:r>
            <a:r>
              <a:rPr lang="ja-JP" altLang="en-US" dirty="0">
                <a:latin typeface="Meiryo UI" panose="020B0604030504040204" pitchFamily="50" charset="-128"/>
                <a:ea typeface="Meiryo UI" panose="020B0604030504040204" pitchFamily="50" charset="-128"/>
                <a:cs typeface="Meiryo UI" panose="020B0604030504040204" pitchFamily="50" charset="-128"/>
              </a:rPr>
              <a:t>・スーパー販売</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百貨店・スーパー販売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124744"/>
            <a:ext cx="8928992" cy="78516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百貨店・スーパーの販売額は前年同月比、概ねプラ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ていたが、消費税増税や新型コロナウイルスの影響により、昨年末頃からマイナスで推移。</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85442" y="6441618"/>
            <a:ext cx="8264238" cy="415498"/>
          </a:xfrm>
          <a:prstGeom prst="rect">
            <a:avLst/>
          </a:prstGeom>
        </p:spPr>
        <p:txBody>
          <a:bodyPr wrap="square">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百貨店・スーパー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販売額が</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幅に減少したのは、前年同月の消費税増税前の駆け込み需要の反動であ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は持ち直している。</a:t>
            </a:r>
          </a:p>
        </p:txBody>
      </p:sp>
      <p:graphicFrame>
        <p:nvGraphicFramePr>
          <p:cNvPr id="7" name="表 2"/>
          <p:cNvGraphicFramePr>
            <a:graphicFrameLocks noGrp="1"/>
          </p:cNvGraphicFramePr>
          <p:nvPr>
            <p:extLst>
              <p:ext uri="{D42A27DB-BD31-4B8C-83A1-F6EECF244321}">
                <p14:modId xmlns:p14="http://schemas.microsoft.com/office/powerpoint/2010/main" val="1263844659"/>
              </p:ext>
            </p:extLst>
          </p:nvPr>
        </p:nvGraphicFramePr>
        <p:xfrm>
          <a:off x="239853" y="2111315"/>
          <a:ext cx="5544614" cy="1183463"/>
        </p:xfrm>
        <a:graphic>
          <a:graphicData uri="http://schemas.openxmlformats.org/drawingml/2006/table">
            <a:tbl>
              <a:tblPr>
                <a:tableStyleId>{5C22544A-7EE6-4342-B048-85BDC9FD1C3A}</a:tableStyleId>
              </a:tblPr>
              <a:tblGrid>
                <a:gridCol w="1452378">
                  <a:extLst>
                    <a:ext uri="{9D8B030D-6E8A-4147-A177-3AD203B41FA5}">
                      <a16:colId xmlns:a16="http://schemas.microsoft.com/office/drawing/2014/main" val="20000"/>
                    </a:ext>
                  </a:extLst>
                </a:gridCol>
                <a:gridCol w="986521">
                  <a:extLst>
                    <a:ext uri="{9D8B030D-6E8A-4147-A177-3AD203B41FA5}">
                      <a16:colId xmlns:a16="http://schemas.microsoft.com/office/drawing/2014/main" val="20001"/>
                    </a:ext>
                  </a:extLst>
                </a:gridCol>
                <a:gridCol w="1132673">
                  <a:extLst>
                    <a:ext uri="{9D8B030D-6E8A-4147-A177-3AD203B41FA5}">
                      <a16:colId xmlns:a16="http://schemas.microsoft.com/office/drawing/2014/main" val="20002"/>
                    </a:ext>
                  </a:extLst>
                </a:gridCol>
                <a:gridCol w="986521">
                  <a:extLst>
                    <a:ext uri="{9D8B030D-6E8A-4147-A177-3AD203B41FA5}">
                      <a16:colId xmlns:a16="http://schemas.microsoft.com/office/drawing/2014/main" val="20003"/>
                    </a:ext>
                  </a:extLst>
                </a:gridCol>
                <a:gridCol w="986521">
                  <a:extLst>
                    <a:ext uri="{9D8B030D-6E8A-4147-A177-3AD203B41FA5}">
                      <a16:colId xmlns:a16="http://schemas.microsoft.com/office/drawing/2014/main" val="20004"/>
                    </a:ext>
                  </a:extLst>
                </a:gridCol>
              </a:tblGrid>
              <a:tr h="336575">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７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８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11722">
                <a:tc rowSpan="2">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額（百万円</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40,64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29,63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23,09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691,80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688,10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568,0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1722">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a:solidFill>
                            <a:schemeClr val="tx1"/>
                          </a:solidFill>
                          <a:effectLst/>
                          <a:latin typeface="Meiryo UI" panose="020B0604030504040204" pitchFamily="50" charset="-128"/>
                          <a:ea typeface="Meiryo UI" panose="020B0604030504040204" pitchFamily="50" charset="-128"/>
                        </a:rPr>
                        <a:t>13.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2.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2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3"/>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a:solidFill>
                            <a:schemeClr val="tx1"/>
                          </a:solidFill>
                          <a:effectLst/>
                          <a:latin typeface="Meiryo UI" panose="020B0604030504040204" pitchFamily="50" charset="-128"/>
                          <a:ea typeface="Meiryo UI" panose="020B0604030504040204" pitchFamily="50" charset="-128"/>
                        </a:rPr>
                        <a:t>3.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16" name="テキスト ボックス 15"/>
          <p:cNvSpPr txBox="1"/>
          <p:nvPr/>
        </p:nvSpPr>
        <p:spPr>
          <a:xfrm>
            <a:off x="107504" y="3369228"/>
            <a:ext cx="1872208" cy="253916"/>
          </a:xfrm>
          <a:prstGeom prst="rect">
            <a:avLst/>
          </a:prstGeom>
          <a:noFill/>
          <a:ln>
            <a:noFill/>
          </a:ln>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前年同月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a:t>
            </a:fld>
            <a:endParaRPr lang="ja-JP" altLang="en-US" dirty="0"/>
          </a:p>
        </p:txBody>
      </p:sp>
      <p:sp>
        <p:nvSpPr>
          <p:cNvPr id="17" name="正方形/長方形 16"/>
          <p:cNvSpPr/>
          <p:nvPr/>
        </p:nvSpPr>
        <p:spPr>
          <a:xfrm rot="18867485">
            <a:off x="8236883" y="6038434"/>
            <a:ext cx="864096" cy="2861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smtClean="0">
                <a:solidFill>
                  <a:schemeClr val="tx1"/>
                </a:solidFill>
                <a:latin typeface="+mn-ea"/>
              </a:rPr>
              <a:t>2020</a:t>
            </a:r>
            <a:r>
              <a:rPr kumimoji="1" lang="ja-JP" altLang="en-US" sz="1000" dirty="0" smtClean="0">
                <a:solidFill>
                  <a:schemeClr val="tx1"/>
                </a:solidFill>
                <a:latin typeface="+mn-ea"/>
              </a:rPr>
              <a:t>年</a:t>
            </a:r>
            <a:r>
              <a:rPr kumimoji="1" lang="en-US" altLang="ja-JP" sz="1000" dirty="0" smtClean="0">
                <a:solidFill>
                  <a:schemeClr val="tx1"/>
                </a:solidFill>
                <a:latin typeface="+mn-ea"/>
              </a:rPr>
              <a:t>9</a:t>
            </a:r>
            <a:r>
              <a:rPr kumimoji="1" lang="ja-JP" altLang="en-US" sz="1000" dirty="0" smtClean="0">
                <a:solidFill>
                  <a:schemeClr val="tx1"/>
                </a:solidFill>
                <a:latin typeface="+mn-ea"/>
              </a:rPr>
              <a:t>月</a:t>
            </a:r>
            <a:endParaRPr kumimoji="1" lang="ja-JP" altLang="en-US" sz="1000" dirty="0">
              <a:solidFill>
                <a:schemeClr val="tx1"/>
              </a:solidFill>
              <a:latin typeface="+mn-ea"/>
            </a:endParaRPr>
          </a:p>
        </p:txBody>
      </p:sp>
    </p:spTree>
    <p:extLst>
      <p:ext uri="{BB962C8B-B14F-4D97-AF65-F5344CB8AC3E}">
        <p14:creationId xmlns:p14="http://schemas.microsoft.com/office/powerpoint/2010/main" val="3388212535"/>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2250679"/>
            <a:ext cx="3705161"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a:t>
            </a:r>
            <a:r>
              <a:rPr lang="ja-JP" altLang="en-US" sz="1200" dirty="0" smtClean="0">
                <a:latin typeface="HGPｺﾞｼｯｸE" pitchFamily="50" charset="-128"/>
                <a:ea typeface="HGPｺﾞｼｯｸE" pitchFamily="50" charset="-128"/>
              </a:rPr>
              <a:t>起業家</a:t>
            </a:r>
            <a:r>
              <a:rPr lang="ja-JP" altLang="en-US" sz="1200" dirty="0">
                <a:latin typeface="HGPｺﾞｼｯｸE" pitchFamily="50" charset="-128"/>
                <a:ea typeface="HGPｺﾞｼｯｸE" pitchFamily="50" charset="-128"/>
              </a:rPr>
              <a:t>グローイング</a:t>
            </a:r>
            <a:r>
              <a:rPr lang="ja-JP" altLang="en-US" sz="1200" dirty="0" smtClean="0">
                <a:latin typeface="HGPｺﾞｼｯｸE" pitchFamily="50" charset="-128"/>
                <a:ea typeface="HGPｺﾞｼｯｸE" pitchFamily="50" charset="-128"/>
              </a:rPr>
              <a:t>アップ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165366" y="2232635"/>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5375282" y="2918324"/>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smtClean="0">
                <a:latin typeface="+mj-ea"/>
                <a:ea typeface="+mj-ea"/>
              </a:rPr>
              <a:t>・</a:t>
            </a:r>
            <a:r>
              <a:rPr lang="en-US" altLang="ja-JP" sz="1050" dirty="0">
                <a:latin typeface="+mj-ea"/>
                <a:ea typeface="+mj-ea"/>
              </a:rPr>
              <a:t>2015</a:t>
            </a:r>
            <a:r>
              <a:rPr lang="ja-JP" altLang="en-US" sz="1050" dirty="0" smtClean="0">
                <a:latin typeface="+mj-ea"/>
                <a:ea typeface="+mj-ea"/>
              </a:rPr>
              <a:t>年度以降、公募選定による</a:t>
            </a:r>
            <a:r>
              <a:rPr lang="en-US" altLang="ja-JP" sz="1050" dirty="0" smtClean="0">
                <a:latin typeface="+mj-ea"/>
              </a:rPr>
              <a:t>62</a:t>
            </a:r>
            <a:r>
              <a:rPr lang="ja-JP" altLang="en-US" sz="1050" dirty="0" smtClean="0">
                <a:latin typeface="+mj-ea"/>
                <a:ea typeface="+mj-ea"/>
              </a:rPr>
              <a:t>社を支援し、</a:t>
            </a:r>
            <a:endParaRPr lang="en-US" altLang="ja-JP" sz="1050" dirty="0" smtClean="0">
              <a:latin typeface="+mj-ea"/>
              <a:ea typeface="+mj-ea"/>
            </a:endParaRPr>
          </a:p>
          <a:p>
            <a:pPr marL="85725" indent="-85725"/>
            <a:r>
              <a:rPr lang="ja-JP" altLang="en-US" sz="1050" dirty="0" smtClean="0">
                <a:latin typeface="+mj-ea"/>
                <a:ea typeface="+mj-ea"/>
              </a:rPr>
              <a:t>　うち</a:t>
            </a:r>
            <a:r>
              <a:rPr lang="en-US" altLang="ja-JP" sz="1050" dirty="0" smtClean="0">
                <a:latin typeface="+mj-ea"/>
                <a:ea typeface="+mj-ea"/>
              </a:rPr>
              <a:t>1</a:t>
            </a:r>
            <a:r>
              <a:rPr lang="ja-JP" altLang="en-US" sz="1050" dirty="0" smtClean="0">
                <a:latin typeface="+mj-ea"/>
                <a:ea typeface="+mj-ea"/>
              </a:rPr>
              <a:t>社が上場、</a:t>
            </a:r>
            <a:r>
              <a:rPr lang="en-US" altLang="ja-JP" sz="1050" dirty="0">
                <a:latin typeface="+mj-ea"/>
                <a:ea typeface="+mj-ea"/>
              </a:rPr>
              <a:t>7</a:t>
            </a:r>
            <a:r>
              <a:rPr lang="ja-JP" altLang="en-US" sz="1050" dirty="0" smtClean="0">
                <a:latin typeface="+mj-ea"/>
                <a:ea typeface="+mj-ea"/>
              </a:rPr>
              <a:t>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131840"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563</a:t>
            </a:r>
            <a:r>
              <a:rPr kumimoji="1" lang="ja-JP" altLang="en-US" sz="1100" dirty="0" smtClean="0"/>
              <a:t>名増加</a:t>
            </a:r>
            <a:endParaRPr kumimoji="1" lang="en-US" altLang="ja-JP" sz="1100" strike="sngStrike" dirty="0" smtClean="0"/>
          </a:p>
          <a:p>
            <a:r>
              <a:rPr lang="ja-JP" altLang="en-US" sz="1100" dirty="0" smtClean="0"/>
              <a:t>　（</a:t>
            </a:r>
            <a:r>
              <a:rPr kumimoji="1" lang="ja-JP" altLang="en-US" sz="1100" dirty="0" smtClean="0"/>
              <a:t>正社員</a:t>
            </a:r>
            <a:r>
              <a:rPr lang="en-US" altLang="ja-JP" sz="1100" dirty="0" smtClean="0"/>
              <a:t>185</a:t>
            </a:r>
            <a:r>
              <a:rPr kumimoji="1" lang="ja-JP" altLang="en-US" sz="1100" dirty="0" smtClean="0"/>
              <a:t>名</a:t>
            </a:r>
            <a:r>
              <a:rPr lang="ja-JP" altLang="en-US" sz="1100" dirty="0"/>
              <a:t>、</a:t>
            </a:r>
            <a:r>
              <a:rPr kumimoji="1" lang="ja-JP" altLang="en-US" sz="1100" dirty="0" smtClean="0"/>
              <a:t>パート等</a:t>
            </a:r>
            <a:r>
              <a:rPr lang="en-US" altLang="ja-JP" sz="1100" dirty="0"/>
              <a:t>378</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26" name="テキスト ボックス 25"/>
          <p:cNvSpPr txBox="1"/>
          <p:nvPr/>
        </p:nvSpPr>
        <p:spPr>
          <a:xfrm>
            <a:off x="40117" y="2882697"/>
            <a:ext cx="2320542" cy="577081"/>
          </a:xfrm>
          <a:prstGeom prst="rect">
            <a:avLst/>
          </a:prstGeom>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444943" y="2785751"/>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095836" y="2334652"/>
            <a:ext cx="2268252" cy="446276"/>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lang="ja-JP" altLang="en-US" sz="1100" dirty="0"/>
              <a:t>＞第１回～</a:t>
            </a:r>
            <a:r>
              <a:rPr lang="ja-JP" altLang="en-US" sz="1100" dirty="0" smtClean="0"/>
              <a:t>第７回</a:t>
            </a:r>
            <a:r>
              <a:rPr lang="ja-JP" altLang="en-US" sz="1100" dirty="0"/>
              <a:t>受賞者</a:t>
            </a:r>
            <a:endParaRPr lang="en-US" altLang="ja-JP" sz="1100" dirty="0"/>
          </a:p>
          <a:p>
            <a:r>
              <a:rPr lang="ja-JP" altLang="en-US" sz="1100" dirty="0"/>
              <a:t>　</a:t>
            </a:r>
            <a:r>
              <a:rPr lang="ja-JP" altLang="en-US" sz="1050" dirty="0"/>
              <a:t>売上げ推移</a:t>
            </a:r>
            <a:r>
              <a:rPr lang="ja-JP" altLang="en-US" sz="1050" dirty="0" smtClean="0"/>
              <a:t>（２０</a:t>
            </a:r>
            <a:r>
              <a:rPr lang="ja-JP" altLang="en-US" sz="1050" dirty="0"/>
              <a:t>者</a:t>
            </a:r>
            <a:r>
              <a:rPr lang="ja-JP" altLang="en-US" sz="1050" dirty="0" smtClean="0"/>
              <a:t>）</a:t>
            </a:r>
            <a:endParaRPr lang="ja-JP" altLang="en-US" sz="1050" dirty="0"/>
          </a:p>
        </p:txBody>
      </p:sp>
      <p:sp>
        <p:nvSpPr>
          <p:cNvPr id="32" name="角丸四角形 31"/>
          <p:cNvSpPr/>
          <p:nvPr/>
        </p:nvSpPr>
        <p:spPr>
          <a:xfrm>
            <a:off x="5479105" y="6055276"/>
            <a:ext cx="3312368"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33" name="テキスト ボックス 32"/>
          <p:cNvSpPr txBox="1"/>
          <p:nvPr/>
        </p:nvSpPr>
        <p:spPr>
          <a:xfrm>
            <a:off x="3104218" y="4459178"/>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37" name="正方形/長方形 10"/>
          <p:cNvSpPr>
            <a:spLocks noChangeArrowheads="1"/>
          </p:cNvSpPr>
          <p:nvPr/>
        </p:nvSpPr>
        <p:spPr bwMode="auto">
          <a:xfrm>
            <a:off x="141414" y="4981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業・ベンチャー支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8" name="正方形/長方形 37"/>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の整備を図っている。特に、高い技術力やイノベーティブなアイデアで成長</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中小企業については、大阪全体の経済成長のけん引役となりうることから、その創業・成長に向けて、府市で一体的なバリューチェーンを提供するよう、支援の取組みを強化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円/楕円 3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9</a:t>
            </a:fld>
            <a:endParaRPr lang="ja-JP" altLang="en-US" dirty="0"/>
          </a:p>
        </p:txBody>
      </p:sp>
      <p:pic>
        <p:nvPicPr>
          <p:cNvPr id="4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03848" y="2758257"/>
            <a:ext cx="1835392" cy="16788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正方形/長方形 40"/>
          <p:cNvSpPr/>
          <p:nvPr/>
        </p:nvSpPr>
        <p:spPr>
          <a:xfrm>
            <a:off x="5218562" y="2412923"/>
            <a:ext cx="3520223" cy="461665"/>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5-2018(</a:t>
            </a:r>
            <a:r>
              <a:rPr lang="ja-JP" altLang="en-US" sz="1200" dirty="0" smtClean="0">
                <a:latin typeface="HGPｺﾞｼｯｸE" pitchFamily="50" charset="-128"/>
                <a:ea typeface="HGPｺﾞｼｯｸE" pitchFamily="50" charset="-128"/>
              </a:rPr>
              <a:t>平成</a:t>
            </a:r>
            <a:r>
              <a:rPr lang="en-US" altLang="ja-JP" sz="1200" dirty="0" smtClean="0">
                <a:latin typeface="HGPｺﾞｼｯｸE" pitchFamily="50" charset="-128"/>
                <a:ea typeface="HGPｺﾞｼｯｸE" pitchFamily="50" charset="-128"/>
              </a:rPr>
              <a:t>27</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30</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a:t>
            </a:r>
          </a:p>
          <a:p>
            <a:pPr marL="177800" indent="-177800"/>
            <a:r>
              <a:rPr lang="ja-JP" altLang="en-US" sz="1200" dirty="0">
                <a:latin typeface="HGPｺﾞｼｯｸE" pitchFamily="50" charset="-128"/>
                <a:ea typeface="HGPｺﾞｼｯｸE" pitchFamily="50" charset="-128"/>
              </a:rPr>
              <a:t>　</a:t>
            </a:r>
            <a:r>
              <a:rPr lang="ja-JP" altLang="en-US" sz="1200" dirty="0" smtClean="0">
                <a:latin typeface="HGPｺﾞｼｯｸE" pitchFamily="50" charset="-128"/>
                <a:ea typeface="HGPｺﾞｼｯｸE" pitchFamily="50" charset="-128"/>
              </a:rPr>
              <a:t>　ベンチャー企業成長プロジェクト「</a:t>
            </a:r>
            <a:r>
              <a:rPr lang="en-US" altLang="ja-JP" sz="1200" dirty="0" smtClean="0">
                <a:latin typeface="HGPｺﾞｼｯｸE" pitchFamily="50" charset="-128"/>
                <a:ea typeface="HGPｺﾞｼｯｸE" pitchFamily="50" charset="-128"/>
              </a:rPr>
              <a:t>Booming!</a:t>
            </a:r>
            <a:r>
              <a:rPr lang="ja-JP" altLang="en-US"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5246884" y="3697431"/>
            <a:ext cx="3986364" cy="2631490"/>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9(</a:t>
            </a:r>
            <a:r>
              <a:rPr lang="ja-JP" altLang="en-US" sz="1200" dirty="0" smtClean="0">
                <a:latin typeface="HGPｺﾞｼｯｸE" pitchFamily="50" charset="-128"/>
                <a:ea typeface="HGPｺﾞｼｯｸE" pitchFamily="50" charset="-128"/>
              </a:rPr>
              <a:t>令和元年</a:t>
            </a:r>
            <a:r>
              <a:rPr lang="en-US"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ベンチャー企業を対象として、起業前後の初期段階と、一定の成長を遂げ、さらなる発展を目指す段階それぞれに対して、その成長速度・成功確率を高めるための支援を実施</a:t>
            </a:r>
            <a:r>
              <a:rPr lang="ja-JP" altLang="en-US" sz="1050" dirty="0" smtClean="0">
                <a:latin typeface="+mn-ea"/>
                <a:cs typeface="Meiryo UI" panose="020B0604030504040204" pitchFamily="50" charset="-128"/>
              </a:rPr>
              <a:t>。</a:t>
            </a:r>
            <a:endParaRPr lang="en-US" altLang="ja-JP" sz="1050" dirty="0" smtClean="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smtClean="0">
                <a:latin typeface="+mn-ea"/>
                <a:cs typeface="Meiryo UI" panose="020B0604030504040204" pitchFamily="50" charset="-128"/>
              </a:rPr>
              <a:t>　　　</a:t>
            </a:r>
            <a:r>
              <a:rPr lang="ja-JP" altLang="en-US" sz="1050" dirty="0" smtClean="0">
                <a:latin typeface="+mn-ea"/>
              </a:rPr>
              <a:t>初期</a:t>
            </a:r>
            <a:r>
              <a:rPr lang="ja-JP" altLang="en-US" sz="1050" dirty="0">
                <a:latin typeface="+mn-ea"/>
              </a:rPr>
              <a:t>段階</a:t>
            </a:r>
            <a:r>
              <a:rPr lang="ja-JP" altLang="en-US" sz="1050" dirty="0" smtClean="0">
                <a:latin typeface="+mn-ea"/>
              </a:rPr>
              <a:t>におい</a:t>
            </a:r>
            <a:r>
              <a:rPr lang="ja-JP" altLang="en-US" sz="1050" dirty="0">
                <a:latin typeface="+mn-ea"/>
              </a:rPr>
              <a:t>て</a:t>
            </a:r>
            <a:r>
              <a:rPr lang="ja-JP" altLang="en-US" sz="1050" dirty="0" smtClean="0">
                <a:latin typeface="+mn-ea"/>
              </a:rPr>
              <a:t>は</a:t>
            </a:r>
            <a:r>
              <a:rPr lang="ja-JP" altLang="en-US" sz="1050" dirty="0">
                <a:latin typeface="+mn-ea"/>
              </a:rPr>
              <a:t>、専門的ノウハウの体系的な習得のほか、既存企業との連携・協業の機会等の提供により、成長に向けたスタートダッシュを支援。</a:t>
            </a:r>
            <a:endParaRPr lang="en-US" altLang="ja-JP" sz="1050" dirty="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RISING!</a:t>
            </a:r>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a:t>
            </a:r>
            <a:endPar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endParaRPr>
          </a:p>
          <a:p>
            <a:pPr marL="177800" indent="-177800"/>
            <a:r>
              <a:rPr lang="ja-JP" altLang="en-US" sz="1050" dirty="0" smtClean="0">
                <a:latin typeface="+mn-ea"/>
                <a:cs typeface="Meiryo UI" panose="020B0604030504040204" pitchFamily="50" charset="-128"/>
              </a:rPr>
              <a:t>　　　発展</a:t>
            </a:r>
            <a:r>
              <a:rPr lang="ja-JP" altLang="en-US" sz="1050" dirty="0">
                <a:latin typeface="+mn-ea"/>
                <a:cs typeface="Meiryo UI" panose="020B0604030504040204" pitchFamily="50" charset="-128"/>
              </a:rPr>
              <a:t>段階</a:t>
            </a:r>
            <a:r>
              <a:rPr lang="ja-JP" altLang="en-US" sz="1050" dirty="0" smtClean="0">
                <a:latin typeface="+mn-ea"/>
                <a:cs typeface="Meiryo UI" panose="020B0604030504040204" pitchFamily="50" charset="-128"/>
              </a:rPr>
              <a:t>におい</a:t>
            </a:r>
            <a:r>
              <a:rPr lang="ja-JP" altLang="en-US" sz="1050" dirty="0">
                <a:latin typeface="+mn-ea"/>
                <a:cs typeface="Meiryo UI" panose="020B0604030504040204" pitchFamily="50" charset="-128"/>
              </a:rPr>
              <a:t>て</a:t>
            </a:r>
            <a:r>
              <a:rPr lang="ja-JP" altLang="en-US" sz="1050" dirty="0" smtClean="0">
                <a:latin typeface="+mn-ea"/>
                <a:cs typeface="Meiryo UI" panose="020B0604030504040204" pitchFamily="50" charset="-128"/>
              </a:rPr>
              <a:t>は</a:t>
            </a:r>
            <a:r>
              <a:rPr lang="ja-JP" altLang="en-US" sz="1050" dirty="0">
                <a:latin typeface="+mn-ea"/>
                <a:cs typeface="Meiryo UI" panose="020B0604030504040204" pitchFamily="50" charset="-128"/>
              </a:rPr>
              <a:t>、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ベンチャー企業として</a:t>
            </a:r>
            <a:r>
              <a:rPr lang="ja-JP" altLang="en-US" sz="1050" dirty="0" smtClean="0">
                <a:latin typeface="+mn-ea"/>
                <a:cs typeface="Meiryo UI" panose="020B0604030504040204" pitchFamily="50" charset="-128"/>
              </a:rPr>
              <a:t>、成功起業家によるメンタリングや首都圏での情報発信支援など、その</a:t>
            </a:r>
            <a:r>
              <a:rPr lang="ja-JP" altLang="en-US" sz="1050" dirty="0">
                <a:latin typeface="+mn-ea"/>
                <a:cs typeface="Meiryo UI" panose="020B0604030504040204" pitchFamily="50" charset="-128"/>
              </a:rPr>
              <a:t>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5" name="テキスト ボックス 4"/>
          <p:cNvSpPr txBox="1"/>
          <p:nvPr/>
        </p:nvSpPr>
        <p:spPr>
          <a:xfrm>
            <a:off x="30440" y="2544314"/>
            <a:ext cx="2827584" cy="415498"/>
          </a:xfrm>
          <a:prstGeom prst="rect">
            <a:avLst/>
          </a:prstGeom>
          <a:noFill/>
        </p:spPr>
        <p:txBody>
          <a:bodyPr wrap="square" rtlCol="0">
            <a:spAutoFit/>
          </a:bodyPr>
          <a:lstStyle/>
          <a:p>
            <a:r>
              <a:rPr kumimoji="1" lang="en-US" altLang="ja-JP" sz="1050" dirty="0" smtClean="0"/>
              <a:t>※</a:t>
            </a:r>
            <a:r>
              <a:rPr kumimoji="1" lang="ja-JP" altLang="en-US" sz="1050" dirty="0" smtClean="0"/>
              <a:t>前年度事業「大阪起業家スタートアップ事業」</a:t>
            </a:r>
            <a:endParaRPr kumimoji="1" lang="en-US" altLang="ja-JP" sz="1050" dirty="0" smtClean="0"/>
          </a:p>
          <a:p>
            <a:r>
              <a:rPr kumimoji="1" lang="ja-JP" altLang="en-US" sz="1050" dirty="0" smtClean="0"/>
              <a:t>から名称変更。</a:t>
            </a:r>
            <a:endParaRPr kumimoji="1" lang="ja-JP" altLang="en-US" sz="1050" dirty="0"/>
          </a:p>
        </p:txBody>
      </p:sp>
      <p:pic>
        <p:nvPicPr>
          <p:cNvPr id="7" name="図 6"/>
          <p:cNvPicPr>
            <a:picLocks noChangeAspect="1"/>
          </p:cNvPicPr>
          <p:nvPr/>
        </p:nvPicPr>
        <p:blipFill>
          <a:blip r:embed="rId4"/>
          <a:stretch>
            <a:fillRect/>
          </a:stretch>
        </p:blipFill>
        <p:spPr>
          <a:xfrm>
            <a:off x="345698" y="2960534"/>
            <a:ext cx="2650506" cy="2154518"/>
          </a:xfrm>
          <a:prstGeom prst="rect">
            <a:avLst/>
          </a:prstGeom>
        </p:spPr>
      </p:pic>
    </p:spTree>
    <p:extLst>
      <p:ext uri="{BB962C8B-B14F-4D97-AF65-F5344CB8AC3E}">
        <p14:creationId xmlns:p14="http://schemas.microsoft.com/office/powerpoint/2010/main" val="3850224564"/>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調達の多様化をめざす動きが進みつつある。</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0</a:t>
            </a:fld>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78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議所等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5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47539" y="3212976"/>
            <a:ext cx="4288957" cy="2554545"/>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おおさか社会課題解決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燦キャピタルマネージメント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ANEWHoldings</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億円</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26437311"/>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79512" y="476672"/>
            <a:ext cx="8565184" cy="6336704"/>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を中心としつつ、長距離国際線でも新規路線就航が続き</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が拡大。旅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数も増加し、関西国際空港の国際拠点空港としての機能が向上。しかし、足元では新型コロナウイルス感染症拡大の影響により、国際線を中心とした航空需要は大きく減少。水際対策の強化など航空需要回復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する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重要。また、中長期的には、発着容量の拡大可能性に関する検討など、国際拠点空港としての一層の機能強化を図っていくことが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一方、貨物に関しては、関西の産業特性に着目した高付加価値商品の取扱い増加に向けて、引き続き取り組むこ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各種インセンティブ制度等により西日本から貨物を集める「集貨」や産業の立地促進等により新たな貨物を生み出す「創貨」、港湾施設の機能強化など「競争力強化」といった様々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今後も引き続き「国際コンテナ戦略港湾」としての機能強化を図っ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必要。</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物流を支える高速道路機能の強化</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政府の都市再生プロジェクト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付けられ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環状道路については、令和２年３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阪神高速道路大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川線が全線開通し、淀川左岸線（２期）及び淀川左岸線延伸部の整備が進むなど、環状道路ネットワークの形成に向けた取組みが進んでいる。物流関係の投資が活性化していることなどを踏まえ、引き続き、高速道路機能の充実・強化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組むことが必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人流を支える鉄道アクセス・ネットワーク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ネットワークについては、関空から国土軸や都心部へのアクセス強化に向けた取組みが進んでいる。東西二極を結ぶ広域交通ネットワークの強化については、北陸新幹線の環境アセスメントの手続きや新大阪駅周辺地域のまちづくり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など</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捗しており、今後もリニア・北陸新幹線の早期全線開業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取り組むこと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官民連携等による戦略インフラの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厳しい財政状況の中、インフラ整備・維持に関する民間資金やノウハウの活用が進んでいる。引き続き、コンセッション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幅広い活用手法の検討などに引き続き取り組むことが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15"/>
            <a:ext cx="9144000" cy="404450"/>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111</a:t>
            </a:r>
            <a:endParaRPr lang="ja-JP" altLang="en-US" b="1" dirty="0"/>
          </a:p>
        </p:txBody>
      </p:sp>
    </p:spTree>
    <p:extLst>
      <p:ext uri="{BB962C8B-B14F-4D97-AF65-F5344CB8AC3E}">
        <p14:creationId xmlns:p14="http://schemas.microsoft.com/office/powerpoint/2010/main" val="4225616713"/>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3939109714"/>
              </p:ext>
            </p:extLst>
          </p:nvPr>
        </p:nvGraphicFramePr>
        <p:xfrm>
          <a:off x="107508" y="2406229"/>
          <a:ext cx="8928986" cy="3071978"/>
        </p:xfrm>
        <a:graphic>
          <a:graphicData uri="http://schemas.openxmlformats.org/drawingml/2006/table">
            <a:tbl>
              <a:tblPr firstRow="1" bandRow="1">
                <a:tableStyleId>{5940675A-B579-460E-94D1-54222C63F5DA}</a:tableStyleId>
              </a:tblPr>
              <a:tblGrid>
                <a:gridCol w="211288">
                  <a:extLst>
                    <a:ext uri="{9D8B030D-6E8A-4147-A177-3AD203B41FA5}">
                      <a16:colId xmlns:a16="http://schemas.microsoft.com/office/drawing/2014/main" val="20000"/>
                    </a:ext>
                  </a:extLst>
                </a:gridCol>
                <a:gridCol w="569094">
                  <a:extLst>
                    <a:ext uri="{9D8B030D-6E8A-4147-A177-3AD203B41FA5}">
                      <a16:colId xmlns:a16="http://schemas.microsoft.com/office/drawing/2014/main" val="20001"/>
                    </a:ext>
                  </a:extLst>
                </a:gridCol>
                <a:gridCol w="805192">
                  <a:extLst>
                    <a:ext uri="{9D8B030D-6E8A-4147-A177-3AD203B41FA5}">
                      <a16:colId xmlns:a16="http://schemas.microsoft.com/office/drawing/2014/main" val="20002"/>
                    </a:ext>
                  </a:extLst>
                </a:gridCol>
                <a:gridCol w="805192">
                  <a:extLst>
                    <a:ext uri="{9D8B030D-6E8A-4147-A177-3AD203B41FA5}">
                      <a16:colId xmlns:a16="http://schemas.microsoft.com/office/drawing/2014/main" val="20003"/>
                    </a:ext>
                  </a:extLst>
                </a:gridCol>
                <a:gridCol w="805192">
                  <a:extLst>
                    <a:ext uri="{9D8B030D-6E8A-4147-A177-3AD203B41FA5}">
                      <a16:colId xmlns:a16="http://schemas.microsoft.com/office/drawing/2014/main" val="20004"/>
                    </a:ext>
                  </a:extLst>
                </a:gridCol>
                <a:gridCol w="805192">
                  <a:extLst>
                    <a:ext uri="{9D8B030D-6E8A-4147-A177-3AD203B41FA5}">
                      <a16:colId xmlns:a16="http://schemas.microsoft.com/office/drawing/2014/main" val="20005"/>
                    </a:ext>
                  </a:extLst>
                </a:gridCol>
                <a:gridCol w="805192">
                  <a:extLst>
                    <a:ext uri="{9D8B030D-6E8A-4147-A177-3AD203B41FA5}">
                      <a16:colId xmlns:a16="http://schemas.microsoft.com/office/drawing/2014/main" val="20006"/>
                    </a:ext>
                  </a:extLst>
                </a:gridCol>
                <a:gridCol w="805192">
                  <a:extLst>
                    <a:ext uri="{9D8B030D-6E8A-4147-A177-3AD203B41FA5}">
                      <a16:colId xmlns:a16="http://schemas.microsoft.com/office/drawing/2014/main" val="20007"/>
                    </a:ext>
                  </a:extLst>
                </a:gridCol>
                <a:gridCol w="805192">
                  <a:extLst>
                    <a:ext uri="{9D8B030D-6E8A-4147-A177-3AD203B41FA5}">
                      <a16:colId xmlns:a16="http://schemas.microsoft.com/office/drawing/2014/main" val="20008"/>
                    </a:ext>
                  </a:extLst>
                </a:gridCol>
                <a:gridCol w="855237">
                  <a:extLst>
                    <a:ext uri="{9D8B030D-6E8A-4147-A177-3AD203B41FA5}">
                      <a16:colId xmlns:a16="http://schemas.microsoft.com/office/drawing/2014/main" val="20009"/>
                    </a:ext>
                  </a:extLst>
                </a:gridCol>
                <a:gridCol w="855237">
                  <a:extLst>
                    <a:ext uri="{9D8B030D-6E8A-4147-A177-3AD203B41FA5}">
                      <a16:colId xmlns:a16="http://schemas.microsoft.com/office/drawing/2014/main" val="4002215363"/>
                    </a:ext>
                  </a:extLst>
                </a:gridCol>
                <a:gridCol w="801786">
                  <a:extLst>
                    <a:ext uri="{9D8B030D-6E8A-4147-A177-3AD203B41FA5}">
                      <a16:colId xmlns:a16="http://schemas.microsoft.com/office/drawing/2014/main" val="20010"/>
                    </a:ext>
                  </a:extLst>
                </a:gridCol>
              </a:tblGrid>
              <a:tr h="688398">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74449">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85139">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72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0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0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67</a:t>
                      </a:r>
                      <a:endParaRPr kumimoji="1" lang="en-US" altLang="ja-JP" sz="12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株式会社</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1199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7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0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13</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05</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3"/>
                  </a:ext>
                </a:extLst>
              </a:tr>
              <a:tr h="51199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5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0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89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062</a:t>
                      </a:r>
                      <a:endParaRPr kumimoji="1" lang="en-US" altLang="ja-JP" sz="12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4"/>
                  </a:ext>
                </a:extLst>
              </a:tr>
            </a:tbl>
          </a:graphicData>
        </a:graphic>
      </p:graphicFrame>
      <p:sp>
        <p:nvSpPr>
          <p:cNvPr id="10" name="正方形/長方形 4"/>
          <p:cNvSpPr>
            <a:spLocks noChangeArrowheads="1"/>
          </p:cNvSpPr>
          <p:nvPr/>
        </p:nvSpPr>
        <p:spPr bwMode="auto">
          <a:xfrm>
            <a:off x="107504"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893226"/>
            <a:ext cx="8928992" cy="131163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国際空港における輸出入貿易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旅客数は、国内線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一方、国際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は好調に推移していたが、新型コロナウイルス感染症拡大の影響を受け、年度を通じで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の旅客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7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暦年としては、総旅客数（</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9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国際線旅客数（</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9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が過去最高を記録。</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2</a:t>
            </a:fld>
            <a:endParaRPr lang="ja-JP" altLang="en-US" dirty="0"/>
          </a:p>
        </p:txBody>
      </p:sp>
    </p:spTree>
    <p:extLst>
      <p:ext uri="{BB962C8B-B14F-4D97-AF65-F5344CB8AC3E}">
        <p14:creationId xmlns:p14="http://schemas.microsoft.com/office/powerpoint/2010/main" val="562380726"/>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908719"/>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外貿定期コンテナ航路便数は、基幹航路（北米・欧州）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の増加）、近海・東南アジア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の減少）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輸出入貿易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4941168"/>
            <a:ext cx="648072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毎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の数値を記載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199629339"/>
              </p:ext>
            </p:extLst>
          </p:nvPr>
        </p:nvGraphicFramePr>
        <p:xfrm>
          <a:off x="107506" y="2060849"/>
          <a:ext cx="8928990" cy="2880225"/>
        </p:xfrm>
        <a:graphic>
          <a:graphicData uri="http://schemas.openxmlformats.org/drawingml/2006/table">
            <a:tbl>
              <a:tblPr firstRow="1" bandRow="1">
                <a:tableStyleId>{5940675A-B579-460E-94D1-54222C63F5DA}</a:tableStyleId>
              </a:tblPr>
              <a:tblGrid>
                <a:gridCol w="851423">
                  <a:extLst>
                    <a:ext uri="{9D8B030D-6E8A-4147-A177-3AD203B41FA5}">
                      <a16:colId xmlns:a16="http://schemas.microsoft.com/office/drawing/2014/main" val="20000"/>
                    </a:ext>
                  </a:extLst>
                </a:gridCol>
                <a:gridCol w="807705">
                  <a:extLst>
                    <a:ext uri="{9D8B030D-6E8A-4147-A177-3AD203B41FA5}">
                      <a16:colId xmlns:a16="http://schemas.microsoft.com/office/drawing/2014/main" val="20001"/>
                    </a:ext>
                  </a:extLst>
                </a:gridCol>
                <a:gridCol w="807705">
                  <a:extLst>
                    <a:ext uri="{9D8B030D-6E8A-4147-A177-3AD203B41FA5}">
                      <a16:colId xmlns:a16="http://schemas.microsoft.com/office/drawing/2014/main" val="20002"/>
                    </a:ext>
                  </a:extLst>
                </a:gridCol>
                <a:gridCol w="807705">
                  <a:extLst>
                    <a:ext uri="{9D8B030D-6E8A-4147-A177-3AD203B41FA5}">
                      <a16:colId xmlns:a16="http://schemas.microsoft.com/office/drawing/2014/main" val="20003"/>
                    </a:ext>
                  </a:extLst>
                </a:gridCol>
                <a:gridCol w="807705">
                  <a:extLst>
                    <a:ext uri="{9D8B030D-6E8A-4147-A177-3AD203B41FA5}">
                      <a16:colId xmlns:a16="http://schemas.microsoft.com/office/drawing/2014/main" val="20004"/>
                    </a:ext>
                  </a:extLst>
                </a:gridCol>
                <a:gridCol w="807705">
                  <a:extLst>
                    <a:ext uri="{9D8B030D-6E8A-4147-A177-3AD203B41FA5}">
                      <a16:colId xmlns:a16="http://schemas.microsoft.com/office/drawing/2014/main" val="20005"/>
                    </a:ext>
                  </a:extLst>
                </a:gridCol>
                <a:gridCol w="807705">
                  <a:extLst>
                    <a:ext uri="{9D8B030D-6E8A-4147-A177-3AD203B41FA5}">
                      <a16:colId xmlns:a16="http://schemas.microsoft.com/office/drawing/2014/main" val="20006"/>
                    </a:ext>
                  </a:extLst>
                </a:gridCol>
                <a:gridCol w="807705">
                  <a:extLst>
                    <a:ext uri="{9D8B030D-6E8A-4147-A177-3AD203B41FA5}">
                      <a16:colId xmlns:a16="http://schemas.microsoft.com/office/drawing/2014/main" val="20007"/>
                    </a:ext>
                  </a:extLst>
                </a:gridCol>
                <a:gridCol w="807705">
                  <a:extLst>
                    <a:ext uri="{9D8B030D-6E8A-4147-A177-3AD203B41FA5}">
                      <a16:colId xmlns:a16="http://schemas.microsoft.com/office/drawing/2014/main" val="20008"/>
                    </a:ext>
                  </a:extLst>
                </a:gridCol>
                <a:gridCol w="807705">
                  <a:extLst>
                    <a:ext uri="{9D8B030D-6E8A-4147-A177-3AD203B41FA5}">
                      <a16:colId xmlns:a16="http://schemas.microsoft.com/office/drawing/2014/main" val="4193357746"/>
                    </a:ext>
                  </a:extLst>
                </a:gridCol>
                <a:gridCol w="808222">
                  <a:extLst>
                    <a:ext uri="{9D8B030D-6E8A-4147-A177-3AD203B41FA5}">
                      <a16:colId xmlns:a16="http://schemas.microsoft.com/office/drawing/2014/main" val="20009"/>
                    </a:ext>
                  </a:extLst>
                </a:gridCol>
              </a:tblGrid>
              <a:tr h="635643">
                <a:tc>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1086334">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7.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a:t>
                      </a:r>
                    </a:p>
                  </a:txBody>
                  <a:tcPr marL="91452" marR="91452" marT="45724" marB="45724"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土交通省</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港湾関係情報・データ」</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086334">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輸出入貿易額</a:t>
                      </a:r>
                    </a:p>
                  </a:txBody>
                  <a:tcPr anchor="ctr">
                    <a:lnB w="12700" cap="flat" cmpd="sng" algn="ctr">
                      <a:solidFill>
                        <a:schemeClr val="tx1"/>
                      </a:solidFill>
                      <a:prstDash val="solid"/>
                      <a:round/>
                      <a:headEnd type="none" w="med" len="med"/>
                      <a:tailEnd type="none" w="med" len="med"/>
                    </a:lnB>
                  </a:tcP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税関「貿易統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bl>
          </a:graphicData>
        </a:graphic>
      </p:graphicFrame>
      <p:sp>
        <p:nvSpPr>
          <p:cNvPr id="10" name="スライド番号プレースホルダー 2"/>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13</a:t>
            </a:fld>
            <a:endParaRPr lang="ja-JP" altLang="en-US" dirty="0"/>
          </a:p>
        </p:txBody>
      </p:sp>
    </p:spTree>
    <p:extLst>
      <p:ext uri="{BB962C8B-B14F-4D97-AF65-F5344CB8AC3E}">
        <p14:creationId xmlns:p14="http://schemas.microsoft.com/office/powerpoint/2010/main" val="982594281"/>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3361067736"/>
              </p:ext>
            </p:extLst>
          </p:nvPr>
        </p:nvGraphicFramePr>
        <p:xfrm>
          <a:off x="170807" y="2204869"/>
          <a:ext cx="8664747" cy="2016223"/>
        </p:xfrm>
        <a:graphic>
          <a:graphicData uri="http://schemas.openxmlformats.org/drawingml/2006/table">
            <a:tbl>
              <a:tblPr/>
              <a:tblGrid>
                <a:gridCol w="202850">
                  <a:extLst>
                    <a:ext uri="{9D8B030D-6E8A-4147-A177-3AD203B41FA5}">
                      <a16:colId xmlns:a16="http://schemas.microsoft.com/office/drawing/2014/main" val="20000"/>
                    </a:ext>
                  </a:extLst>
                </a:gridCol>
                <a:gridCol w="529979">
                  <a:extLst>
                    <a:ext uri="{9D8B030D-6E8A-4147-A177-3AD203B41FA5}">
                      <a16:colId xmlns:a16="http://schemas.microsoft.com/office/drawing/2014/main" val="20001"/>
                    </a:ext>
                  </a:extLst>
                </a:gridCol>
                <a:gridCol w="404777">
                  <a:extLst>
                    <a:ext uri="{9D8B030D-6E8A-4147-A177-3AD203B41FA5}">
                      <a16:colId xmlns:a16="http://schemas.microsoft.com/office/drawing/2014/main" val="20002"/>
                    </a:ext>
                  </a:extLst>
                </a:gridCol>
                <a:gridCol w="836349">
                  <a:extLst>
                    <a:ext uri="{9D8B030D-6E8A-4147-A177-3AD203B41FA5}">
                      <a16:colId xmlns:a16="http://schemas.microsoft.com/office/drawing/2014/main" val="20003"/>
                    </a:ext>
                  </a:extLst>
                </a:gridCol>
                <a:gridCol w="836349">
                  <a:extLst>
                    <a:ext uri="{9D8B030D-6E8A-4147-A177-3AD203B41FA5}">
                      <a16:colId xmlns:a16="http://schemas.microsoft.com/office/drawing/2014/main" val="20004"/>
                    </a:ext>
                  </a:extLst>
                </a:gridCol>
                <a:gridCol w="836349">
                  <a:extLst>
                    <a:ext uri="{9D8B030D-6E8A-4147-A177-3AD203B41FA5}">
                      <a16:colId xmlns:a16="http://schemas.microsoft.com/office/drawing/2014/main" val="20005"/>
                    </a:ext>
                  </a:extLst>
                </a:gridCol>
                <a:gridCol w="836349">
                  <a:extLst>
                    <a:ext uri="{9D8B030D-6E8A-4147-A177-3AD203B41FA5}">
                      <a16:colId xmlns:a16="http://schemas.microsoft.com/office/drawing/2014/main" val="20006"/>
                    </a:ext>
                  </a:extLst>
                </a:gridCol>
                <a:gridCol w="836349">
                  <a:extLst>
                    <a:ext uri="{9D8B030D-6E8A-4147-A177-3AD203B41FA5}">
                      <a16:colId xmlns:a16="http://schemas.microsoft.com/office/drawing/2014/main" val="20007"/>
                    </a:ext>
                  </a:extLst>
                </a:gridCol>
                <a:gridCol w="836349">
                  <a:extLst>
                    <a:ext uri="{9D8B030D-6E8A-4147-A177-3AD203B41FA5}">
                      <a16:colId xmlns:a16="http://schemas.microsoft.com/office/drawing/2014/main" val="20008"/>
                    </a:ext>
                  </a:extLst>
                </a:gridCol>
                <a:gridCol w="836349">
                  <a:extLst>
                    <a:ext uri="{9D8B030D-6E8A-4147-A177-3AD203B41FA5}">
                      <a16:colId xmlns:a16="http://schemas.microsoft.com/office/drawing/2014/main" val="20009"/>
                    </a:ext>
                  </a:extLst>
                </a:gridCol>
                <a:gridCol w="836349">
                  <a:extLst>
                    <a:ext uri="{9D8B030D-6E8A-4147-A177-3AD203B41FA5}">
                      <a16:colId xmlns:a16="http://schemas.microsoft.com/office/drawing/2014/main" val="20010"/>
                    </a:ext>
                  </a:extLst>
                </a:gridCol>
                <a:gridCol w="836349">
                  <a:extLst>
                    <a:ext uri="{9D8B030D-6E8A-4147-A177-3AD203B41FA5}">
                      <a16:colId xmlns:a16="http://schemas.microsoft.com/office/drawing/2014/main" val="1568934468"/>
                    </a:ext>
                  </a:extLst>
                </a:gridCol>
              </a:tblGrid>
              <a:tr h="193972">
                <a:tc gridSpan="3">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0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7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1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1"/>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48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9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7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9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2"/>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3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4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0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3"/>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SEAN</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69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4"/>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9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17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5"/>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6"/>
                  </a:ext>
                </a:extLst>
              </a:tr>
              <a:tr h="193972">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8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5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3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5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6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5,8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9,83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0008"/>
                  </a:ext>
                </a:extLst>
              </a:tr>
              <a:tr h="270475">
                <a:tc gridSpan="3">
                  <a:txBody>
                    <a:bodyPr/>
                    <a:lstStyle/>
                    <a:p>
                      <a:pPr algn="l" fontAlgn="ctr"/>
                      <a:r>
                        <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0,1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6,6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1,8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55,3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7" name="正方形/長方形 10"/>
          <p:cNvSpPr>
            <a:spLocks noChangeArrowheads="1"/>
          </p:cNvSpPr>
          <p:nvPr/>
        </p:nvSpPr>
        <p:spPr bwMode="auto">
          <a:xfrm>
            <a:off x="179514" y="62068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貿易動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が総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27335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14</a:t>
            </a:fld>
            <a:endParaRPr lang="ja-JP" altLang="en-US" b="1" dirty="0"/>
          </a:p>
        </p:txBody>
      </p:sp>
      <p:sp>
        <p:nvSpPr>
          <p:cNvPr id="3" name="テキスト ボックス 2"/>
          <p:cNvSpPr txBox="1"/>
          <p:nvPr/>
        </p:nvSpPr>
        <p:spPr>
          <a:xfrm>
            <a:off x="71501" y="4509128"/>
            <a:ext cx="576064"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nvPr>
        </p:nvGraphicFramePr>
        <p:xfrm>
          <a:off x="107504" y="4493242"/>
          <a:ext cx="8728050" cy="233479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110156814"/>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63866" y="426580"/>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319136"/>
            <a:ext cx="656058" cy="204411"/>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916832"/>
            <a:ext cx="4736429" cy="369332"/>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916832"/>
            <a:ext cx="4572000" cy="492443"/>
          </a:xfrm>
          <a:prstGeom prst="rect">
            <a:avLst/>
          </a:prstGeom>
        </p:spPr>
        <p:txBody>
          <a:bodyPr>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社プレスリリ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p>
        </p:txBody>
      </p:sp>
      <p:sp>
        <p:nvSpPr>
          <p:cNvPr id="19" name="正方形/長方形 18"/>
          <p:cNvSpPr/>
          <p:nvPr/>
        </p:nvSpPr>
        <p:spPr>
          <a:xfrm>
            <a:off x="179512" y="836712"/>
            <a:ext cx="8784976" cy="111405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外国貨物取扱量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ンと昨年に比べ減少。成田空港とは、依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差があ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輸出入貿易額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とは大きな開きがあるものの、成田空港が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に対し、関西国際空港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と、減少幅は小さい。</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5</a:t>
            </a:fld>
            <a:endParaRPr lang="ja-JP" altLang="en-US" b="1" dirty="0"/>
          </a:p>
        </p:txBody>
      </p:sp>
      <p:graphicFrame>
        <p:nvGraphicFramePr>
          <p:cNvPr id="22" name="グラフ 21"/>
          <p:cNvGraphicFramePr>
            <a:graphicFrameLocks/>
          </p:cNvGraphicFramePr>
          <p:nvPr>
            <p:extLst/>
          </p:nvPr>
        </p:nvGraphicFramePr>
        <p:xfrm>
          <a:off x="4499992" y="2481283"/>
          <a:ext cx="4464496" cy="4371086"/>
        </p:xfrm>
        <a:graphic>
          <a:graphicData uri="http://schemas.openxmlformats.org/drawingml/2006/chart">
            <c:chart xmlns:c="http://schemas.openxmlformats.org/drawingml/2006/chart" xmlns:r="http://schemas.openxmlformats.org/officeDocument/2006/relationships" r:id="rId3"/>
          </a:graphicData>
        </a:graphic>
      </p:graphicFrame>
      <p:sp>
        <p:nvSpPr>
          <p:cNvPr id="23" name="線吹き出し 1 (枠付き) 22"/>
          <p:cNvSpPr/>
          <p:nvPr/>
        </p:nvSpPr>
        <p:spPr>
          <a:xfrm>
            <a:off x="2430016" y="4293527"/>
            <a:ext cx="864096" cy="288033"/>
          </a:xfrm>
          <a:prstGeom prst="borderCallout1">
            <a:avLst>
              <a:gd name="adj1" fmla="val 103593"/>
              <a:gd name="adj2" fmla="val 42768"/>
              <a:gd name="adj3" fmla="val 262253"/>
              <a:gd name="adj4" fmla="val 2362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4" name="線吹き出し 1 (枠付き) 23"/>
          <p:cNvSpPr/>
          <p:nvPr/>
        </p:nvSpPr>
        <p:spPr>
          <a:xfrm>
            <a:off x="1025860" y="5229200"/>
            <a:ext cx="864096" cy="288033"/>
          </a:xfrm>
          <a:prstGeom prst="borderCallout1">
            <a:avLst>
              <a:gd name="adj1" fmla="val 103593"/>
              <a:gd name="adj2" fmla="val 42768"/>
              <a:gd name="adj3" fmla="val 222011"/>
              <a:gd name="adj4" fmla="val 3704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sp>
        <p:nvSpPr>
          <p:cNvPr id="25" name="線吹き出し 1 (枠付き) 24"/>
          <p:cNvSpPr/>
          <p:nvPr/>
        </p:nvSpPr>
        <p:spPr>
          <a:xfrm>
            <a:off x="5148064" y="4428996"/>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sp>
        <p:nvSpPr>
          <p:cNvPr id="26" name="線吹き出し 1 (枠付き) 25"/>
          <p:cNvSpPr/>
          <p:nvPr/>
        </p:nvSpPr>
        <p:spPr>
          <a:xfrm>
            <a:off x="7322412" y="4360336"/>
            <a:ext cx="864096" cy="288033"/>
          </a:xfrm>
          <a:prstGeom prst="borderCallout1">
            <a:avLst>
              <a:gd name="adj1" fmla="val 103593"/>
              <a:gd name="adj2" fmla="val 42768"/>
              <a:gd name="adj3" fmla="val 230954"/>
              <a:gd name="adj4" fmla="val 28098"/>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7" name="線吹き出し 1 (枠付き) 26"/>
          <p:cNvSpPr/>
          <p:nvPr/>
        </p:nvSpPr>
        <p:spPr>
          <a:xfrm>
            <a:off x="6820193" y="5219047"/>
            <a:ext cx="864096" cy="288033"/>
          </a:xfrm>
          <a:prstGeom prst="borderCallout1">
            <a:avLst>
              <a:gd name="adj1" fmla="val 103593"/>
              <a:gd name="adj2" fmla="val 42768"/>
              <a:gd name="adj3" fmla="val 204126"/>
              <a:gd name="adj4" fmla="val 40022"/>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graphicFrame>
        <p:nvGraphicFramePr>
          <p:cNvPr id="28" name="グラフ 27"/>
          <p:cNvGraphicFramePr>
            <a:graphicFrameLocks/>
          </p:cNvGraphicFramePr>
          <p:nvPr>
            <p:extLst>
              <p:ext uri="{D42A27DB-BD31-4B8C-83A1-F6EECF244321}">
                <p14:modId xmlns:p14="http://schemas.microsoft.com/office/powerpoint/2010/main" val="1336436999"/>
              </p:ext>
            </p:extLst>
          </p:nvPr>
        </p:nvGraphicFramePr>
        <p:xfrm>
          <a:off x="435533" y="2503765"/>
          <a:ext cx="4018190" cy="4166041"/>
        </p:xfrm>
        <a:graphic>
          <a:graphicData uri="http://schemas.openxmlformats.org/drawingml/2006/chart">
            <c:chart xmlns:c="http://schemas.openxmlformats.org/drawingml/2006/chart" xmlns:r="http://schemas.openxmlformats.org/officeDocument/2006/relationships" r:id="rId4"/>
          </a:graphicData>
        </a:graphic>
      </p:graphicFrame>
      <p:sp>
        <p:nvSpPr>
          <p:cNvPr id="21" name="線吹き出し 1 (枠付き) 20"/>
          <p:cNvSpPr/>
          <p:nvPr/>
        </p:nvSpPr>
        <p:spPr>
          <a:xfrm>
            <a:off x="1997968" y="3621796"/>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spTree>
    <p:extLst>
      <p:ext uri="{BB962C8B-B14F-4D97-AF65-F5344CB8AC3E}">
        <p14:creationId xmlns:p14="http://schemas.microsoft.com/office/powerpoint/2010/main" val="3264757099"/>
      </p:ext>
    </p:extLst>
  </p:cSld>
  <p:clrMapOvr>
    <a:masterClrMapping/>
  </p:clrMapOvr>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367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空港</a:t>
            </a:r>
            <a:r>
              <a:rPr lang="ja-JP" altLang="en-US" dirty="0">
                <a:latin typeface="Meiryo UI" panose="020B0604030504040204" pitchFamily="50" charset="-128"/>
                <a:ea typeface="Meiryo UI" panose="020B0604030504040204" pitchFamily="50" charset="-128"/>
                <a:cs typeface="Meiryo UI" panose="020B0604030504040204" pitchFamily="50" charset="-128"/>
              </a:rPr>
              <a:t>別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80728"/>
            <a:ext cx="8928992" cy="13268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空港別に金額ベースで輸出品目を見ると、いずれの空港でも「電気機器（半導体などの電子部品等）」と「一般機械（原動機など）」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関西空港は、電気機器の割合が全品目の約４割を占め、成田空港では「化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品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中部空港では「輸送用機器（自動車部品など）」の割合が他の空港より高い、といった特徴がある。</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6</a:t>
            </a:fld>
            <a:endParaRPr lang="ja-JP" altLang="en-US" dirty="0"/>
          </a:p>
        </p:txBody>
      </p:sp>
      <p:graphicFrame>
        <p:nvGraphicFramePr>
          <p:cNvPr id="10" name="グラフ 9"/>
          <p:cNvGraphicFramePr>
            <a:graphicFrameLocks/>
          </p:cNvGraphicFramePr>
          <p:nvPr>
            <p:extLst>
              <p:ext uri="{D42A27DB-BD31-4B8C-83A1-F6EECF244321}">
                <p14:modId xmlns:p14="http://schemas.microsoft.com/office/powerpoint/2010/main" val="1857144765"/>
              </p:ext>
            </p:extLst>
          </p:nvPr>
        </p:nvGraphicFramePr>
        <p:xfrm>
          <a:off x="251520" y="2359959"/>
          <a:ext cx="8640960" cy="437743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34576349"/>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2010" y="61705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出品目について、細目別に構成比をみると、半導体等電子部品が全体の約４分の１を占め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半導体等電子部品の輸出額が増加した。一方、科学光学機器の輸出額は減少。電気回路等の機器、遊戯用具、半導体等製造装置の輸出額は横ば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654896873"/>
              </p:ext>
            </p:extLst>
          </p:nvPr>
        </p:nvGraphicFramePr>
        <p:xfrm>
          <a:off x="251518" y="2718790"/>
          <a:ext cx="3528393" cy="3950569"/>
        </p:xfrm>
        <a:graphic>
          <a:graphicData uri="http://schemas.openxmlformats.org/drawingml/2006/table">
            <a:tbl>
              <a:tblPr>
                <a:tableStyleId>{BC89EF96-8CEA-46FF-86C4-4CE0E7609802}</a:tableStyleId>
              </a:tblPr>
              <a:tblGrid>
                <a:gridCol w="285318">
                  <a:extLst>
                    <a:ext uri="{9D8B030D-6E8A-4147-A177-3AD203B41FA5}">
                      <a16:colId xmlns:a16="http://schemas.microsoft.com/office/drawing/2014/main" val="20000"/>
                    </a:ext>
                  </a:extLst>
                </a:gridCol>
                <a:gridCol w="1245871">
                  <a:extLst>
                    <a:ext uri="{9D8B030D-6E8A-4147-A177-3AD203B41FA5}">
                      <a16:colId xmlns:a16="http://schemas.microsoft.com/office/drawing/2014/main" val="20001"/>
                    </a:ext>
                  </a:extLst>
                </a:gridCol>
                <a:gridCol w="1128777">
                  <a:extLst>
                    <a:ext uri="{9D8B030D-6E8A-4147-A177-3AD203B41FA5}">
                      <a16:colId xmlns:a16="http://schemas.microsoft.com/office/drawing/2014/main" val="20002"/>
                    </a:ext>
                  </a:extLst>
                </a:gridCol>
                <a:gridCol w="868427">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9,13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電気回路等の機器</a:t>
                      </a: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79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zh-CN"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CN"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90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製造装置</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9,6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遊戯用具</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84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7</a:t>
            </a:fld>
            <a:endParaRPr lang="ja-JP" altLang="en-US" dirty="0"/>
          </a:p>
        </p:txBody>
      </p:sp>
      <p:graphicFrame>
        <p:nvGraphicFramePr>
          <p:cNvPr id="13" name="グラフ 12"/>
          <p:cNvGraphicFramePr>
            <a:graphicFrameLocks/>
          </p:cNvGraphicFramePr>
          <p:nvPr>
            <p:extLst>
              <p:ext uri="{D42A27DB-BD31-4B8C-83A1-F6EECF244321}">
                <p14:modId xmlns:p14="http://schemas.microsoft.com/office/powerpoint/2010/main" val="3332767197"/>
              </p:ext>
            </p:extLst>
          </p:nvPr>
        </p:nvGraphicFramePr>
        <p:xfrm>
          <a:off x="3687718" y="2718790"/>
          <a:ext cx="5518917" cy="401073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837302236"/>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9542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空港</a:t>
            </a:r>
            <a:r>
              <a:rPr lang="ja-JP" altLang="en-US" dirty="0">
                <a:latin typeface="Meiryo UI" panose="020B0604030504040204" pitchFamily="50" charset="-128"/>
                <a:ea typeface="Meiryo UI" panose="020B0604030504040204" pitchFamily="50" charset="-128"/>
                <a:cs typeface="Meiryo UI" panose="020B0604030504040204" pitchFamily="50" charset="-128"/>
              </a:rPr>
              <a:t>別</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輸入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空港別に金額ベースで輸入品目を見ると、いずれの空港でも「電気機器（半導体などの電子部品等）」、「化学製品（医薬品など）」「一般機械（原動機など）」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関西空港では「電気機器」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では「化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中部空港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機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他の空港より高いといった特徴がある。</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8</a:t>
            </a:fld>
            <a:endParaRPr lang="ja-JP" altLang="en-US" dirty="0"/>
          </a:p>
        </p:txBody>
      </p:sp>
      <p:graphicFrame>
        <p:nvGraphicFramePr>
          <p:cNvPr id="10" name="グラフ 9"/>
          <p:cNvGraphicFramePr>
            <a:graphicFrameLocks/>
          </p:cNvGraphicFramePr>
          <p:nvPr>
            <p:extLst>
              <p:ext uri="{D42A27DB-BD31-4B8C-83A1-F6EECF244321}">
                <p14:modId xmlns:p14="http://schemas.microsoft.com/office/powerpoint/2010/main" val="1172975315"/>
              </p:ext>
            </p:extLst>
          </p:nvPr>
        </p:nvGraphicFramePr>
        <p:xfrm>
          <a:off x="67298" y="2395626"/>
          <a:ext cx="8969198" cy="428453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3920783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64704"/>
            <a:ext cx="30963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内の設備</a:t>
            </a:r>
            <a:r>
              <a:rPr lang="ja-JP" altLang="en-US" dirty="0">
                <a:latin typeface="Meiryo UI" panose="020B0604030504040204" pitchFamily="50" charset="-128"/>
                <a:ea typeface="Meiryo UI" panose="020B0604030504040204" pitchFamily="50" charset="-128"/>
                <a:cs typeface="Meiryo UI" panose="020B0604030504040204" pitchFamily="50" charset="-128"/>
              </a:rPr>
              <a:t>投資</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動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設備投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上昇していたが、直近はマイナスで推移。大企業も概ねプラスで推移していたが、直近はマイナスで推移。中小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イナ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設備投資の主な目的をみると、「新商品・高度化」や「研究開発」の割合が全産業で低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a:t>
            </a:fld>
            <a:endParaRPr lang="ja-JP" altLang="en-US" dirty="0"/>
          </a:p>
        </p:txBody>
      </p:sp>
      <p:sp>
        <p:nvSpPr>
          <p:cNvPr id="13" name="テキスト ボックス 12"/>
          <p:cNvSpPr txBox="1"/>
          <p:nvPr/>
        </p:nvSpPr>
        <p:spPr>
          <a:xfrm>
            <a:off x="35496" y="1897087"/>
            <a:ext cx="900100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回答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う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度実績と比べ、計画が増加の企業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減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4013666993"/>
              </p:ext>
            </p:extLst>
          </p:nvPr>
        </p:nvGraphicFramePr>
        <p:xfrm>
          <a:off x="3995936" y="4364353"/>
          <a:ext cx="4877610" cy="2417306"/>
        </p:xfrm>
        <a:graphic>
          <a:graphicData uri="http://schemas.openxmlformats.org/drawingml/2006/table">
            <a:tbl>
              <a:tblPr firstRow="1" bandRow="1">
                <a:tableStyleId>{5C22544A-7EE6-4342-B048-85BDC9FD1C3A}</a:tableStyleId>
              </a:tblPr>
              <a:tblGrid>
                <a:gridCol w="720080">
                  <a:extLst>
                    <a:ext uri="{9D8B030D-6E8A-4147-A177-3AD203B41FA5}">
                      <a16:colId xmlns:a16="http://schemas.microsoft.com/office/drawing/2014/main" val="20000"/>
                    </a:ext>
                  </a:extLst>
                </a:gridCol>
                <a:gridCol w="590323">
                  <a:extLst>
                    <a:ext uri="{9D8B030D-6E8A-4147-A177-3AD203B41FA5}">
                      <a16:colId xmlns:a16="http://schemas.microsoft.com/office/drawing/2014/main" val="20001"/>
                    </a:ext>
                  </a:extLst>
                </a:gridCol>
                <a:gridCol w="855971">
                  <a:extLst>
                    <a:ext uri="{9D8B030D-6E8A-4147-A177-3AD203B41FA5}">
                      <a16:colId xmlns:a16="http://schemas.microsoft.com/office/drawing/2014/main" val="20002"/>
                    </a:ext>
                  </a:extLst>
                </a:gridCol>
                <a:gridCol w="891232">
                  <a:extLst>
                    <a:ext uri="{9D8B030D-6E8A-4147-A177-3AD203B41FA5}">
                      <a16:colId xmlns:a16="http://schemas.microsoft.com/office/drawing/2014/main" val="20003"/>
                    </a:ext>
                  </a:extLst>
                </a:gridCol>
                <a:gridCol w="655202">
                  <a:extLst>
                    <a:ext uri="{9D8B030D-6E8A-4147-A177-3AD203B41FA5}">
                      <a16:colId xmlns:a16="http://schemas.microsoft.com/office/drawing/2014/main" val="20004"/>
                    </a:ext>
                  </a:extLst>
                </a:gridCol>
                <a:gridCol w="619939">
                  <a:extLst>
                    <a:ext uri="{9D8B030D-6E8A-4147-A177-3AD203B41FA5}">
                      <a16:colId xmlns:a16="http://schemas.microsoft.com/office/drawing/2014/main" val="20005"/>
                    </a:ext>
                  </a:extLst>
                </a:gridCol>
                <a:gridCol w="544863">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能力増強</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新製品・高度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合理化・省力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維持更新</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4.8%</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5%</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8.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7.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5.9%</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4.6%</a:t>
                      </a:r>
                    </a:p>
                  </a:txBody>
                  <a:tcPr marL="9525" marR="9525" marT="9525" marB="0" anchor="ctr"/>
                </a:tc>
                <a:extLst>
                  <a:ext uri="{0D108BD9-81ED-4DB2-BD59-A6C34878D82A}">
                    <a16:rowId xmlns:a16="http://schemas.microsoft.com/office/drawing/2014/main" val="10001"/>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建設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4%</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3%</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0.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3.3%</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8.2%</a:t>
                      </a:r>
                    </a:p>
                  </a:txBody>
                  <a:tcPr marL="9525" marR="9525" marT="9525" marB="0" anchor="ctr"/>
                </a:tc>
                <a:extLst>
                  <a:ext uri="{0D108BD9-81ED-4DB2-BD59-A6C34878D82A}">
                    <a16:rowId xmlns:a16="http://schemas.microsoft.com/office/drawing/2014/main" val="10002"/>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6.0%</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2.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32.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6.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48.0%</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2.0%</a:t>
                      </a:r>
                    </a:p>
                  </a:txBody>
                  <a:tcPr marL="9525" marR="9525" marT="9525" marB="0" anchor="ctr"/>
                </a:tc>
                <a:extLst>
                  <a:ext uri="{0D108BD9-81ED-4DB2-BD59-A6C34878D82A}">
                    <a16:rowId xmlns:a16="http://schemas.microsoft.com/office/drawing/2014/main" val="10003"/>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輸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0.5%</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9.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2.7%</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9.1%</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3.6%</a:t>
                      </a:r>
                    </a:p>
                  </a:txBody>
                  <a:tcPr marL="9525" marR="9525" marT="9525" marB="0" anchor="ctr"/>
                </a:tc>
                <a:extLst>
                  <a:ext uri="{0D108BD9-81ED-4DB2-BD59-A6C34878D82A}">
                    <a16:rowId xmlns:a16="http://schemas.microsoft.com/office/drawing/2014/main" val="10004"/>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卸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0%</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7.3%</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3.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54.0%</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1.3%</a:t>
                      </a:r>
                    </a:p>
                  </a:txBody>
                  <a:tcPr marL="9525" marR="9525" marT="9525" marB="0" anchor="ctr"/>
                </a:tc>
                <a:extLst>
                  <a:ext uri="{0D108BD9-81ED-4DB2-BD59-A6C34878D82A}">
                    <a16:rowId xmlns:a16="http://schemas.microsoft.com/office/drawing/2014/main" val="10005"/>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小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4.1%</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6%</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6.9%</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60.3%</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1.8%</a:t>
                      </a:r>
                    </a:p>
                  </a:txBody>
                  <a:tcPr marL="9525" marR="9525" marT="9525" marB="0" anchor="ctr"/>
                </a:tc>
                <a:extLst>
                  <a:ext uri="{0D108BD9-81ED-4DB2-BD59-A6C34878D82A}">
                    <a16:rowId xmlns:a16="http://schemas.microsoft.com/office/drawing/2014/main" val="10006"/>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不動産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4.4%</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8.9%</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0.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82.2%</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13.3%</a:t>
                      </a:r>
                    </a:p>
                  </a:txBody>
                  <a:tcPr marL="9525" marR="9525" marT="9525" marB="0" anchor="ctr"/>
                </a:tc>
                <a:extLst>
                  <a:ext uri="{0D108BD9-81ED-4DB2-BD59-A6C34878D82A}">
                    <a16:rowId xmlns:a16="http://schemas.microsoft.com/office/drawing/2014/main" val="10007"/>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宿泊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8.2%</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15.2%</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0%</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7.6%</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24.2%</a:t>
                      </a:r>
                    </a:p>
                  </a:txBody>
                  <a:tcPr marL="9525" marR="9525" marT="9525" marB="0" anchor="ctr"/>
                </a:tc>
                <a:extLst>
                  <a:ext uri="{0D108BD9-81ED-4DB2-BD59-A6C34878D82A}">
                    <a16:rowId xmlns:a16="http://schemas.microsoft.com/office/drawing/2014/main" val="10008"/>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ービス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23.7%</a:t>
                      </a:r>
                    </a:p>
                  </a:txBody>
                  <a:tcPr marL="9525" marR="9525" marT="9525" marB="0" anchor="ctr">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6.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2.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3.1%</a:t>
                      </a:r>
                    </a:p>
                  </a:txBody>
                  <a:tcPr marL="9525" marR="9525" marT="9525" marB="0"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fontAlgn="ctr"/>
                      <a:r>
                        <a:rPr lang="en-US" altLang="ja-JP" sz="800" b="0" i="0" u="none" strike="noStrike">
                          <a:solidFill>
                            <a:srgbClr val="000000"/>
                          </a:solidFill>
                          <a:effectLst/>
                          <a:latin typeface="Meiryo UI" panose="020B0604030504040204" pitchFamily="50" charset="-128"/>
                          <a:ea typeface="Meiryo UI" panose="020B0604030504040204" pitchFamily="50" charset="-128"/>
                        </a:rPr>
                        <a:t>56.5%</a:t>
                      </a:r>
                    </a:p>
                  </a:txBody>
                  <a:tcPr marL="9525" marR="9525" marT="9525" marB="0" anchor="ctr">
                    <a:lnL w="38100" cap="flat" cmpd="sng" algn="ctr">
                      <a:solidFill>
                        <a:schemeClr val="tx2"/>
                      </a:solidFill>
                      <a:prstDash val="solid"/>
                      <a:round/>
                      <a:headEnd type="none" w="med" len="med"/>
                      <a:tailEnd type="none" w="med" len="med"/>
                    </a:lnL>
                  </a:tcPr>
                </a:tc>
                <a:tc>
                  <a:txBody>
                    <a:bodyPr/>
                    <a:lstStyle/>
                    <a:p>
                      <a:pPr algn="ctr" fontAlgn="ctr"/>
                      <a:r>
                        <a:rPr lang="en-US" altLang="ja-JP" sz="800" b="0" i="0" u="none" strike="noStrike" dirty="0">
                          <a:solidFill>
                            <a:srgbClr val="000000"/>
                          </a:solidFill>
                          <a:effectLst/>
                          <a:latin typeface="Meiryo UI" panose="020B0604030504040204" pitchFamily="50" charset="-128"/>
                          <a:ea typeface="Meiryo UI" panose="020B0604030504040204" pitchFamily="50" charset="-128"/>
                        </a:rPr>
                        <a:t>9.2%</a:t>
                      </a:r>
                    </a:p>
                  </a:txBody>
                  <a:tcPr marL="9525" marR="9525" marT="9525" marB="0"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47260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以内）</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0" y="4057327"/>
            <a:ext cx="3419872" cy="73866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内、前年比較）</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059832" y="703149"/>
            <a:ext cx="4752528" cy="415498"/>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おおさか経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動き別冊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令和元）年</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大阪経済」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2411441526"/>
              </p:ext>
            </p:extLst>
          </p:nvPr>
        </p:nvGraphicFramePr>
        <p:xfrm>
          <a:off x="35794" y="4519720"/>
          <a:ext cx="3886199" cy="235267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1" name="グラフ 20"/>
          <p:cNvGraphicFramePr>
            <a:graphicFrameLocks/>
          </p:cNvGraphicFramePr>
          <p:nvPr>
            <p:extLst>
              <p:ext uri="{D42A27DB-BD31-4B8C-83A1-F6EECF244321}">
                <p14:modId xmlns:p14="http://schemas.microsoft.com/office/powerpoint/2010/main" val="1443659457"/>
              </p:ext>
            </p:extLst>
          </p:nvPr>
        </p:nvGraphicFramePr>
        <p:xfrm>
          <a:off x="108450" y="2159708"/>
          <a:ext cx="8928046" cy="191266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841461911"/>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22" y="52893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420000743"/>
              </p:ext>
            </p:extLst>
          </p:nvPr>
        </p:nvGraphicFramePr>
        <p:xfrm>
          <a:off x="195662" y="2564904"/>
          <a:ext cx="3643436" cy="3950569"/>
        </p:xfrm>
        <a:graphic>
          <a:graphicData uri="http://schemas.openxmlformats.org/drawingml/2006/table">
            <a:tbl>
              <a:tblPr>
                <a:tableStyleId>{BC89EF96-8CEA-46FF-86C4-4CE0E7609802}</a:tableStyleId>
              </a:tblPr>
              <a:tblGrid>
                <a:gridCol w="284935">
                  <a:extLst>
                    <a:ext uri="{9D8B030D-6E8A-4147-A177-3AD203B41FA5}">
                      <a16:colId xmlns:a16="http://schemas.microsoft.com/office/drawing/2014/main" val="20000"/>
                    </a:ext>
                  </a:extLst>
                </a:gridCol>
                <a:gridCol w="1364438">
                  <a:extLst>
                    <a:ext uri="{9D8B030D-6E8A-4147-A177-3AD203B41FA5}">
                      <a16:colId xmlns:a16="http://schemas.microsoft.com/office/drawing/2014/main" val="20001"/>
                    </a:ext>
                  </a:extLst>
                </a:gridCol>
                <a:gridCol w="1199543">
                  <a:extLst>
                    <a:ext uri="{9D8B030D-6E8A-4147-A177-3AD203B41FA5}">
                      <a16:colId xmlns:a16="http://schemas.microsoft.com/office/drawing/2014/main" val="20002"/>
                    </a:ext>
                  </a:extLst>
                </a:gridCol>
                <a:gridCol w="794520">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9,14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通信機</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2,79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4,76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2,04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用機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7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107504"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11960"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9</a:t>
            </a:fld>
            <a:endParaRPr lang="ja-JP" altLang="en-US" dirty="0"/>
          </a:p>
        </p:txBody>
      </p:sp>
      <p:sp>
        <p:nvSpPr>
          <p:cNvPr id="11" name="テキスト ボックス 14"/>
          <p:cNvSpPr txBox="1"/>
          <p:nvPr/>
        </p:nvSpPr>
        <p:spPr>
          <a:xfrm>
            <a:off x="4644008" y="2406080"/>
            <a:ext cx="818381" cy="246221"/>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百万円）</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107504" y="996889"/>
            <a:ext cx="8928992" cy="10639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入品目について、細目別に構成比をみると、医薬品と通信機の占める割合が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医薬品の輸入額が増加した一方、通信機の輸入額は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導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電子部品、科学光学機器、事務用機器の輸入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2794436374"/>
              </p:ext>
            </p:extLst>
          </p:nvPr>
        </p:nvGraphicFramePr>
        <p:xfrm>
          <a:off x="3809137" y="2564904"/>
          <a:ext cx="5162548" cy="396118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501805361"/>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ext uri="{D42A27DB-BD31-4B8C-83A1-F6EECF244321}">
                <p14:modId xmlns:p14="http://schemas.microsoft.com/office/powerpoint/2010/main" val="1112580053"/>
              </p:ext>
            </p:extLst>
          </p:nvPr>
        </p:nvGraphicFramePr>
        <p:xfrm>
          <a:off x="87284" y="2919893"/>
          <a:ext cx="4669766" cy="3749913"/>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0"/>
          <p:cNvSpPr>
            <a:spLocks noChangeArrowheads="1"/>
          </p:cNvSpPr>
          <p:nvPr/>
        </p:nvSpPr>
        <p:spPr bwMode="auto">
          <a:xfrm>
            <a:off x="179514" y="40466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旅客便・貨物便数の動向</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764704"/>
            <a:ext cx="8928992" cy="177241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の国際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期スケジュールでは、東南アジア路線の新規就航や増便に加え、中国方面のネットワークのさらなる拡充もあり、開港以来過去最高とな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を計画。国際貨物便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の国際線旅客便数は成田空港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便数となっており、中でもアジアへの直行便・経由便の合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全国の空港で最も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は、新型コロナウイルス感染症拡大の影響により、入国拒否措置などがなされ、全国的に国際線旅客数は大幅に減少していることから、国際線旅客便数も著しく落ち込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61757" y="2507583"/>
            <a:ext cx="4320480"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夏</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空港別の国際線旅客便数（地域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国際線就航状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3" name="テキスト ボックス 2"/>
          <p:cNvSpPr txBox="1"/>
          <p:nvPr/>
        </p:nvSpPr>
        <p:spPr>
          <a:xfrm>
            <a:off x="4611625" y="2952775"/>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3151233"/>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1023" y="2507582"/>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客便・貨物便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期スケジュ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4005988784"/>
              </p:ext>
            </p:extLst>
          </p:nvPr>
        </p:nvGraphicFramePr>
        <p:xfrm>
          <a:off x="4583506" y="3177742"/>
          <a:ext cx="4572000" cy="3449593"/>
        </p:xfrm>
        <a:graphic>
          <a:graphicData uri="http://schemas.openxmlformats.org/drawingml/2006/chart">
            <c:chart xmlns:c="http://schemas.openxmlformats.org/drawingml/2006/chart" xmlns:r="http://schemas.openxmlformats.org/officeDocument/2006/relationships" r:id="rId4"/>
          </a:graphicData>
        </a:graphic>
      </p:graphicFrame>
      <p:sp>
        <p:nvSpPr>
          <p:cNvPr id="20"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20</a:t>
            </a:fld>
            <a:endParaRPr lang="ja-JP" altLang="en-US" dirty="0"/>
          </a:p>
        </p:txBody>
      </p:sp>
    </p:spTree>
    <p:extLst>
      <p:ext uri="{BB962C8B-B14F-4D97-AF65-F5344CB8AC3E}">
        <p14:creationId xmlns:p14="http://schemas.microsoft.com/office/powerpoint/2010/main" val="3973999882"/>
      </p:ext>
    </p:extLst>
  </p:cSld>
  <p:clrMapOvr>
    <a:masterClrMapping/>
  </p:clrMapOvr>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965444" y="5341996"/>
            <a:ext cx="2671484" cy="1400002"/>
          </a:xfrm>
          <a:prstGeom prst="rect">
            <a:avLst/>
          </a:prstGeom>
          <a:noFill/>
          <a:ln>
            <a:noFill/>
          </a:ln>
        </p:spPr>
      </p:pic>
      <p:sp>
        <p:nvSpPr>
          <p:cNvPr id="5" name="テキスト ボックス 4"/>
          <p:cNvSpPr txBox="1"/>
          <p:nvPr/>
        </p:nvSpPr>
        <p:spPr>
          <a:xfrm>
            <a:off x="496784" y="5031729"/>
            <a:ext cx="292850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10"/>
          <p:cNvSpPr>
            <a:spLocks noChangeArrowheads="1"/>
          </p:cNvSpPr>
          <p:nvPr/>
        </p:nvSpPr>
        <p:spPr bwMode="auto">
          <a:xfrm>
            <a:off x="72010" y="42048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国際貨物の流通促進</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800168"/>
            <a:ext cx="8928992" cy="131477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や、全国に先駆けた医薬品輸入手続きの電子化など、医薬品の物流拠点形成に取り組んでいる</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地区ハブ拠点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は開設前と比べて</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商工会議所が、食品等の輸出に必要な国の輸出証明書と商工会議所の貿易証明書を、事業者がワンストップで受け取れる取組みを実施。（</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03297" y="2308915"/>
            <a:ext cx="2352037" cy="276999"/>
          </a:xfrm>
          <a:prstGeom prst="rect">
            <a:avLst/>
          </a:prstGeom>
          <a:noFill/>
          <a:ln>
            <a:no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descr="C:\Users\HongoYukiko\AppData\Local\Microsoft\Windows\Temporary Internet Files\Content.Outlook\X2FHDYU9\ebb127aaa83f4ae8f507ab7149e62643.jpg"/>
          <p:cNvPicPr>
            <a:picLocks noChangeAspect="1" noChangeArrowheads="1"/>
          </p:cNvPicPr>
          <p:nvPr/>
        </p:nvPicPr>
        <p:blipFill rotWithShape="1">
          <a:blip r:embed="rId4">
            <a:extLst>
              <a:ext uri="{28A0092B-C50C-407E-A947-70E740481C1C}">
                <a14:useLocalDpi xmlns:a14="http://schemas.microsoft.com/office/drawing/2010/main" val="0"/>
              </a:ext>
            </a:extLst>
          </a:blip>
          <a:srcRect t="1" b="31174"/>
          <a:stretch/>
        </p:blipFill>
        <p:spPr bwMode="auto">
          <a:xfrm>
            <a:off x="3829081" y="5185617"/>
            <a:ext cx="1506749" cy="1553856"/>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6" name="グラフ 15"/>
          <p:cNvGraphicFramePr>
            <a:graphicFrameLocks/>
          </p:cNvGraphicFramePr>
          <p:nvPr>
            <p:extLst>
              <p:ext uri="{D42A27DB-BD31-4B8C-83A1-F6EECF244321}">
                <p14:modId xmlns:p14="http://schemas.microsoft.com/office/powerpoint/2010/main" val="4229906821"/>
              </p:ext>
            </p:extLst>
          </p:nvPr>
        </p:nvGraphicFramePr>
        <p:xfrm>
          <a:off x="4650387" y="2539913"/>
          <a:ext cx="4350140" cy="2624991"/>
        </p:xfrm>
        <a:graphic>
          <a:graphicData uri="http://schemas.openxmlformats.org/drawingml/2006/chart">
            <c:chart xmlns:c="http://schemas.openxmlformats.org/drawingml/2006/chart" xmlns:r="http://schemas.openxmlformats.org/officeDocument/2006/relationships" r:id="rId5"/>
          </a:graphicData>
        </a:graphic>
      </p:graphicFrame>
      <p:sp>
        <p:nvSpPr>
          <p:cNvPr id="21" name="右矢印 20"/>
          <p:cNvSpPr/>
          <p:nvPr/>
        </p:nvSpPr>
        <p:spPr>
          <a:xfrm rot="21246776">
            <a:off x="5136816" y="2924634"/>
            <a:ext cx="3031236" cy="36019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22" name="テキスト ボックス 17"/>
          <p:cNvSpPr txBox="1"/>
          <p:nvPr/>
        </p:nvSpPr>
        <p:spPr>
          <a:xfrm>
            <a:off x="4476152" y="2398630"/>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smtClean="0">
                <a:latin typeface="+mn-ea"/>
                <a:cs typeface="Meiryo UI" panose="020B0604030504040204" pitchFamily="50" charset="-128"/>
              </a:rPr>
              <a:t>（万トン）</a:t>
            </a:r>
            <a:endParaRPr kumimoji="1" lang="ja-JP" altLang="en-US" sz="1000" dirty="0">
              <a:latin typeface="+mn-ea"/>
              <a:cs typeface="Meiryo UI" panose="020B0604030504040204" pitchFamily="50" charset="-128"/>
            </a:endParaRPr>
          </a:p>
        </p:txBody>
      </p:sp>
      <p:sp>
        <p:nvSpPr>
          <p:cNvPr id="6" name="テキスト ボックス 5"/>
          <p:cNvSpPr txBox="1"/>
          <p:nvPr/>
        </p:nvSpPr>
        <p:spPr>
          <a:xfrm>
            <a:off x="4600207" y="2113111"/>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関西国際空港</a:t>
            </a:r>
            <a:r>
              <a:rPr lang="zh-TW" altLang="en-US" sz="1400" dirty="0" smtClean="0">
                <a:latin typeface="Meiryo UI" panose="020B0604030504040204" pitchFamily="50" charset="-128"/>
                <a:ea typeface="Meiryo UI" panose="020B0604030504040204" pitchFamily="50" charset="-128"/>
              </a:rPr>
              <a:t>国際</a:t>
            </a:r>
            <a:r>
              <a:rPr lang="zh-TW" altLang="en-US" sz="1400" dirty="0">
                <a:latin typeface="Meiryo UI" panose="020B0604030504040204" pitchFamily="50" charset="-128"/>
                <a:ea typeface="Meiryo UI" panose="020B0604030504040204" pitchFamily="50" charset="-128"/>
              </a:rPr>
              <a:t>中継貨物取扱量</a:t>
            </a:r>
            <a:endParaRPr kumimoji="1" lang="ja-JP" altLang="en-US" sz="14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07504" y="2116275"/>
            <a:ext cx="314014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関西国際空港</a:t>
            </a:r>
            <a:r>
              <a:rPr lang="ja-JP" altLang="en-US" sz="1400" dirty="0">
                <a:latin typeface="Meiryo UI" panose="020B0604030504040204" pitchFamily="50" charset="-128"/>
                <a:ea typeface="Meiryo UI" panose="020B0604030504040204" pitchFamily="50" charset="-128"/>
              </a:rPr>
              <a:t>医</a:t>
            </a:r>
            <a:r>
              <a:rPr lang="ja-JP" altLang="en-US" sz="1400" dirty="0" smtClean="0">
                <a:latin typeface="Meiryo UI" panose="020B0604030504040204" pitchFamily="50" charset="-128"/>
                <a:ea typeface="Meiryo UI" panose="020B0604030504040204" pitchFamily="50" charset="-128"/>
              </a:rPr>
              <a:t>薬品輸入額</a:t>
            </a:r>
            <a:endParaRPr kumimoji="1" lang="ja-JP" altLang="en-US" sz="1400" dirty="0">
              <a:latin typeface="Meiryo UI" panose="020B0604030504040204" pitchFamily="50" charset="-128"/>
              <a:ea typeface="Meiryo UI" panose="020B0604030504040204" pitchFamily="50" charset="-128"/>
            </a:endParaRPr>
          </a:p>
        </p:txBody>
      </p:sp>
      <p:graphicFrame>
        <p:nvGraphicFramePr>
          <p:cNvPr id="10" name="グラフ 9"/>
          <p:cNvGraphicFramePr/>
          <p:nvPr>
            <p:extLst>
              <p:ext uri="{D42A27DB-BD31-4B8C-83A1-F6EECF244321}">
                <p14:modId xmlns:p14="http://schemas.microsoft.com/office/powerpoint/2010/main" val="3654360026"/>
              </p:ext>
            </p:extLst>
          </p:nvPr>
        </p:nvGraphicFramePr>
        <p:xfrm>
          <a:off x="155719" y="2448659"/>
          <a:ext cx="4356416" cy="2677618"/>
        </p:xfrm>
        <a:graphic>
          <a:graphicData uri="http://schemas.openxmlformats.org/drawingml/2006/chart">
            <c:chart xmlns:c="http://schemas.openxmlformats.org/drawingml/2006/chart" xmlns:r="http://schemas.openxmlformats.org/officeDocument/2006/relationships" r:id="rId6"/>
          </a:graphicData>
        </a:graphic>
      </p:graphicFrame>
      <p:sp>
        <p:nvSpPr>
          <p:cNvPr id="28" name="テキスト ボックス 17"/>
          <p:cNvSpPr txBox="1"/>
          <p:nvPr/>
        </p:nvSpPr>
        <p:spPr>
          <a:xfrm>
            <a:off x="-9540" y="2325917"/>
            <a:ext cx="1638484" cy="246221"/>
          </a:xfrm>
          <a:prstGeom prst="rect">
            <a:avLst/>
          </a:prstGeom>
          <a:noFill/>
          <a:ln>
            <a:no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百億円</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右矢印 28"/>
          <p:cNvSpPr/>
          <p:nvPr/>
        </p:nvSpPr>
        <p:spPr>
          <a:xfrm rot="21246776">
            <a:off x="973768" y="2993911"/>
            <a:ext cx="3155893" cy="362941"/>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
        <p:nvSpPr>
          <p:cNvPr id="11" name="テキスト ボックス 10"/>
          <p:cNvSpPr txBox="1"/>
          <p:nvPr/>
        </p:nvSpPr>
        <p:spPr>
          <a:xfrm>
            <a:off x="7073953" y="2398630"/>
            <a:ext cx="2587165"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rPr>
              <a:t>出典：大阪税関「貿易統計</a:t>
            </a:r>
            <a:r>
              <a:rPr lang="zh-TW" altLang="en-US" sz="1200" dirty="0" smtClean="0">
                <a:latin typeface="Meiryo UI" panose="020B0604030504040204" pitchFamily="50" charset="-128"/>
                <a:ea typeface="Meiryo UI" panose="020B0604030504040204" pitchFamily="50" charset="-128"/>
              </a:rPr>
              <a:t>」</a:t>
            </a:r>
            <a:endParaRPr lang="zh-TW" altLang="en-US" sz="1200" dirty="0">
              <a:latin typeface="Meiryo UI" panose="020B0604030504040204" pitchFamily="50" charset="-128"/>
              <a:ea typeface="Meiryo UI" panose="020B0604030504040204" pitchFamily="50" charset="-128"/>
            </a:endParaRPr>
          </a:p>
        </p:txBody>
      </p:sp>
      <p:sp>
        <p:nvSpPr>
          <p:cNvPr id="24" name="スライド番号プレースホルダー 1"/>
          <p:cNvSpPr txBox="1">
            <a:spLocks/>
          </p:cNvSpPr>
          <p:nvPr/>
        </p:nvSpPr>
        <p:spPr>
          <a:xfrm>
            <a:off x="699710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21</a:t>
            </a:fld>
            <a:endParaRPr lang="ja-JP" altLang="en-US" dirty="0"/>
          </a:p>
        </p:txBody>
      </p:sp>
    </p:spTree>
    <p:extLst>
      <p:ext uri="{BB962C8B-B14F-4D97-AF65-F5344CB8AC3E}">
        <p14:creationId xmlns:p14="http://schemas.microsoft.com/office/powerpoint/2010/main" val="2130969836"/>
      </p:ext>
    </p:extLst>
  </p:cSld>
  <p:clrMapOvr>
    <a:masterClrMapping/>
  </p:clrMapOvr>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516091" y="1988840"/>
            <a:ext cx="4736429"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神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2000453"/>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交通省「港湾調査」より作成</a:t>
            </a: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外国貨物取扱量・輸出入貿易額の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1124744"/>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また、神戸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入貿易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sp>
        <p:nvSpPr>
          <p:cNvPr id="16" name="テキスト ボックス 15"/>
          <p:cNvSpPr txBox="1"/>
          <p:nvPr/>
        </p:nvSpPr>
        <p:spPr>
          <a:xfrm>
            <a:off x="4175956" y="2420888"/>
            <a:ext cx="792088"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867" y="2460707"/>
            <a:ext cx="864096"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nvPr>
        </p:nvGraphicFramePr>
        <p:xfrm>
          <a:off x="4283967" y="2667109"/>
          <a:ext cx="4572000" cy="397576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6" name="グラフ 25"/>
          <p:cNvGraphicFramePr>
            <a:graphicFrameLocks/>
          </p:cNvGraphicFramePr>
          <p:nvPr>
            <p:extLst/>
          </p:nvPr>
        </p:nvGraphicFramePr>
        <p:xfrm>
          <a:off x="177280" y="2706929"/>
          <a:ext cx="4097992" cy="393594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065749386"/>
      </p:ext>
    </p:extLst>
  </p:cSld>
  <p:clrMapOvr>
    <a:masterClrMapping/>
  </p:clrMapOvr>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81522" y="53486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a:t>
            </a:r>
            <a:r>
              <a:rPr lang="ja-JP" altLang="en-US" dirty="0">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0299" y="1124742"/>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金額ベースで輸出品目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と「一般機械（原動機など）」の占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く、名古屋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用機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動車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他の港湾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特徴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3</a:t>
            </a:fld>
            <a:endParaRPr lang="ja-JP" altLang="en-US" dirty="0"/>
          </a:p>
        </p:txBody>
      </p:sp>
      <p:graphicFrame>
        <p:nvGraphicFramePr>
          <p:cNvPr id="8" name="グラフ 7"/>
          <p:cNvGraphicFramePr>
            <a:graphicFrameLocks/>
          </p:cNvGraphicFramePr>
          <p:nvPr>
            <p:extLst/>
          </p:nvPr>
        </p:nvGraphicFramePr>
        <p:xfrm>
          <a:off x="105691" y="2374030"/>
          <a:ext cx="8916148" cy="4295776"/>
        </p:xfrm>
        <a:graphic>
          <a:graphicData uri="http://schemas.openxmlformats.org/drawingml/2006/chart">
            <c:chart xmlns:c="http://schemas.openxmlformats.org/drawingml/2006/chart" xmlns:r="http://schemas.openxmlformats.org/officeDocument/2006/relationships" r:id="rId3"/>
          </a:graphicData>
        </a:graphic>
      </p:graphicFrame>
      <p:sp>
        <p:nvSpPr>
          <p:cNvPr id="11" name="正方形/長方形 10"/>
          <p:cNvSpPr/>
          <p:nvPr/>
        </p:nvSpPr>
        <p:spPr>
          <a:xfrm>
            <a:off x="6300192" y="5661248"/>
            <a:ext cx="2556000"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en-US" altLang="ja-JP" dirty="0" smtClean="0">
                <a:solidFill>
                  <a:schemeClr val="tx1">
                    <a:lumMod val="50000"/>
                    <a:lumOff val="50000"/>
                  </a:schemeClr>
                </a:solidFill>
              </a:rPr>
              <a:t>79.04</a:t>
            </a:r>
            <a:r>
              <a:rPr lang="ja-JP" altLang="en-US" dirty="0" smtClean="0">
                <a:solidFill>
                  <a:schemeClr val="tx1">
                    <a:lumMod val="50000"/>
                    <a:lumOff val="50000"/>
                  </a:schemeClr>
                </a:solidFill>
              </a:rPr>
              <a:t>％</a:t>
            </a:r>
            <a:endParaRPr lang="ja-JP" dirty="0">
              <a:solidFill>
                <a:schemeClr val="tx1">
                  <a:lumMod val="50000"/>
                  <a:lumOff val="50000"/>
                </a:schemeClr>
              </a:solidFill>
            </a:endParaRPr>
          </a:p>
        </p:txBody>
      </p:sp>
    </p:spTree>
    <p:extLst>
      <p:ext uri="{BB962C8B-B14F-4D97-AF65-F5344CB8AC3E}">
        <p14:creationId xmlns:p14="http://schemas.microsoft.com/office/powerpoint/2010/main" val="2393881464"/>
      </p:ext>
    </p:extLst>
  </p:cSld>
  <p:clrMapOvr>
    <a:masterClrMapping/>
  </p:clrMapOvr>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75" y="59786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899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品目について、細目別に構成比をみると、半導体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プラスチック、建設用・鉱山用機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原動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織物用糸及び繊維製品が上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ついては、いずれの品目においても輸出額が減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07504"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211960"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品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4</a:t>
            </a:fld>
            <a:endParaRPr lang="ja-JP" altLang="en-US" dirty="0"/>
          </a:p>
        </p:txBody>
      </p:sp>
      <p:graphicFrame>
        <p:nvGraphicFramePr>
          <p:cNvPr id="11" name="表 10"/>
          <p:cNvGraphicFramePr>
            <a:graphicFrameLocks noGrp="1"/>
          </p:cNvGraphicFramePr>
          <p:nvPr>
            <p:extLst>
              <p:ext uri="{D42A27DB-BD31-4B8C-83A1-F6EECF244321}">
                <p14:modId xmlns:p14="http://schemas.microsoft.com/office/powerpoint/2010/main" val="2261684364"/>
              </p:ext>
            </p:extLst>
          </p:nvPr>
        </p:nvGraphicFramePr>
        <p:xfrm>
          <a:off x="251519" y="2924943"/>
          <a:ext cx="3816425" cy="3744416"/>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82671">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5,12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62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44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53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動機</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99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5148064" y="2752571"/>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4186202" y="2983403"/>
          <a:ext cx="4634270" cy="363430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556592645"/>
      </p:ext>
    </p:extLst>
  </p:cSld>
  <p:clrMapOvr>
    <a:masterClrMapping/>
  </p:clrMapOvr>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69168" y="55878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港湾別の輸入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31603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別に金額ベー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原料別製品（アルミニウム及び銅合金など）」、「その他（衣類など）」はいずれの港湾でも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食料品」が、名古屋港では「鉱物性燃料（石油ガス類など）」の割合が他の港湾より高いといった特徴があ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graphicFrame>
        <p:nvGraphicFramePr>
          <p:cNvPr id="17" name="グラフ 16"/>
          <p:cNvGraphicFramePr>
            <a:graphicFrameLocks/>
          </p:cNvGraphicFramePr>
          <p:nvPr>
            <p:extLst/>
          </p:nvPr>
        </p:nvGraphicFramePr>
        <p:xfrm>
          <a:off x="111409" y="2564904"/>
          <a:ext cx="8781071" cy="417646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19978537"/>
      </p:ext>
    </p:extLst>
  </p:cSld>
  <p:clrMapOvr>
    <a:masterClrMapping/>
  </p:clrMapOvr>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0" y="58003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衣類及び同附属品の割合が高いが、輸入額の推移では、近年増加傾向であったが減少に転じ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肉類及び同調製品、織物用糸及び繊維製品、金属製品、たばこが輸入品目の上位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955313468"/>
              </p:ext>
            </p:extLst>
          </p:nvPr>
        </p:nvGraphicFramePr>
        <p:xfrm>
          <a:off x="251519"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5,27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8,59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0,93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属製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9,49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ばこ</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5,19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211960" y="2401143"/>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07504" y="2401143"/>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6</a:t>
            </a:fld>
            <a:endParaRPr lang="ja-JP" altLang="en-US" dirty="0"/>
          </a:p>
        </p:txBody>
      </p:sp>
      <p:sp>
        <p:nvSpPr>
          <p:cNvPr id="11" name="テキスト ボックス 14"/>
          <p:cNvSpPr txBox="1"/>
          <p:nvPr/>
        </p:nvSpPr>
        <p:spPr>
          <a:xfrm>
            <a:off x="5004048" y="269411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nvPr>
        </p:nvGraphicFramePr>
        <p:xfrm>
          <a:off x="4003988" y="2718790"/>
          <a:ext cx="5032508" cy="413920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72715057"/>
      </p:ext>
    </p:extLst>
  </p:cSld>
  <p:clrMapOvr>
    <a:masterClrMapping/>
  </p:clrMapOvr>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72010" y="487705"/>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港湾別、外貿定期コンテナ航路</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便数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国土交通省「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就航する外貿定期コンテナ航路便数（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と神戸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貿定期コンテ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移は、これまでに増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繰り返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がら、近年は増加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07504" y="1772816"/>
            <a:ext cx="892899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ただ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の数値を記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4115268484"/>
              </p:ext>
            </p:extLst>
          </p:nvPr>
        </p:nvGraphicFramePr>
        <p:xfrm>
          <a:off x="32084" y="2049815"/>
          <a:ext cx="9004412" cy="4916011"/>
        </p:xfrm>
        <a:graphic>
          <a:graphicData uri="http://schemas.openxmlformats.org/drawingml/2006/chart">
            <c:chart xmlns:c="http://schemas.openxmlformats.org/drawingml/2006/chart" xmlns:r="http://schemas.openxmlformats.org/officeDocument/2006/relationships" r:id="rId3"/>
          </a:graphicData>
        </a:graphic>
      </p:graphicFrame>
      <p:sp>
        <p:nvSpPr>
          <p:cNvPr id="12" name="スライド番号プレースホルダー 2"/>
          <p:cNvSpPr txBox="1">
            <a:spLocks/>
          </p:cNvSpPr>
          <p:nvPr/>
        </p:nvSpPr>
        <p:spPr>
          <a:xfrm>
            <a:off x="7072284"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27</a:t>
            </a:fld>
            <a:endParaRPr lang="ja-JP" altLang="en-US" dirty="0"/>
          </a:p>
        </p:txBody>
      </p:sp>
    </p:spTree>
    <p:extLst>
      <p:ext uri="{BB962C8B-B14F-4D97-AF65-F5344CB8AC3E}">
        <p14:creationId xmlns:p14="http://schemas.microsoft.com/office/powerpoint/2010/main" val="1160160969"/>
      </p:ext>
    </p:extLst>
  </p:cSld>
  <p:clrMapOvr>
    <a:masterClrMapping/>
  </p:clrMapOvr>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400" dirty="0">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の運営が開始さ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国際コンテナ戦略港湾として、国際競争力強化を図っている。</a:t>
            </a: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b="1" smtClean="0"/>
              <a:pPr>
                <a:defRPr/>
              </a:pPr>
              <a:t>128</a:t>
            </a:fld>
            <a:endParaRPr lang="ja-JP" altLang="en-US" b="1"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3081794869"/>
              </p:ext>
            </p:extLst>
          </p:nvPr>
        </p:nvGraphicFramePr>
        <p:xfrm>
          <a:off x="4903007" y="2974854"/>
          <a:ext cx="3533198" cy="3512389"/>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512389">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内航フィーダー（</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積替機能強化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外航フィーダー利用促進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接続航路誘致事業</a:t>
                      </a: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基幹</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航路誘致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航路サービス拡充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内航フィーダー貨物支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陸上貨物誘致事業</a:t>
                      </a:r>
                      <a:endPar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Tree>
    <p:extLst>
      <p:ext uri="{BB962C8B-B14F-4D97-AF65-F5344CB8AC3E}">
        <p14:creationId xmlns:p14="http://schemas.microsoft.com/office/powerpoint/2010/main" val="280146589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29640" y="1017904"/>
            <a:ext cx="8280920" cy="1152128"/>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府内就業者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の年平均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を上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失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は、低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調にあるが、全国に比べて高めに推移。有効求人倍率は、全国とほぼ同水準で推移し、一貫して改善。</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12488"/>
            <a:ext cx="8928992" cy="143639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57879159"/>
              </p:ext>
            </p:extLst>
          </p:nvPr>
        </p:nvGraphicFramePr>
        <p:xfrm>
          <a:off x="251522" y="2563369"/>
          <a:ext cx="8698156" cy="2330025"/>
        </p:xfrm>
        <a:graphic>
          <a:graphicData uri="http://schemas.openxmlformats.org/drawingml/2006/table">
            <a:tbl>
              <a:tblPr firstRow="1" bandRow="1">
                <a:tableStyleId>{5940675A-B579-460E-94D1-54222C63F5DA}</a:tableStyleId>
              </a:tblPr>
              <a:tblGrid>
                <a:gridCol w="1273046">
                  <a:extLst>
                    <a:ext uri="{9D8B030D-6E8A-4147-A177-3AD203B41FA5}">
                      <a16:colId xmlns:a16="http://schemas.microsoft.com/office/drawing/2014/main" val="20000"/>
                    </a:ext>
                  </a:extLst>
                </a:gridCol>
                <a:gridCol w="675010">
                  <a:extLst>
                    <a:ext uri="{9D8B030D-6E8A-4147-A177-3AD203B41FA5}">
                      <a16:colId xmlns:a16="http://schemas.microsoft.com/office/drawing/2014/main" val="20001"/>
                    </a:ext>
                  </a:extLst>
                </a:gridCol>
                <a:gridCol w="675010">
                  <a:extLst>
                    <a:ext uri="{9D8B030D-6E8A-4147-A177-3AD203B41FA5}">
                      <a16:colId xmlns:a16="http://schemas.microsoft.com/office/drawing/2014/main" val="20002"/>
                    </a:ext>
                  </a:extLst>
                </a:gridCol>
                <a:gridCol w="675010">
                  <a:extLst>
                    <a:ext uri="{9D8B030D-6E8A-4147-A177-3AD203B41FA5}">
                      <a16:colId xmlns:a16="http://schemas.microsoft.com/office/drawing/2014/main" val="20003"/>
                    </a:ext>
                  </a:extLst>
                </a:gridCol>
                <a:gridCol w="675010">
                  <a:extLst>
                    <a:ext uri="{9D8B030D-6E8A-4147-A177-3AD203B41FA5}">
                      <a16:colId xmlns:a16="http://schemas.microsoft.com/office/drawing/2014/main" val="20004"/>
                    </a:ext>
                  </a:extLst>
                </a:gridCol>
                <a:gridCol w="675010">
                  <a:extLst>
                    <a:ext uri="{9D8B030D-6E8A-4147-A177-3AD203B41FA5}">
                      <a16:colId xmlns:a16="http://schemas.microsoft.com/office/drawing/2014/main" val="20005"/>
                    </a:ext>
                  </a:extLst>
                </a:gridCol>
                <a:gridCol w="675010">
                  <a:extLst>
                    <a:ext uri="{9D8B030D-6E8A-4147-A177-3AD203B41FA5}">
                      <a16:colId xmlns:a16="http://schemas.microsoft.com/office/drawing/2014/main" val="20006"/>
                    </a:ext>
                  </a:extLst>
                </a:gridCol>
                <a:gridCol w="675010">
                  <a:extLst>
                    <a:ext uri="{9D8B030D-6E8A-4147-A177-3AD203B41FA5}">
                      <a16:colId xmlns:a16="http://schemas.microsoft.com/office/drawing/2014/main" val="20007"/>
                    </a:ext>
                  </a:extLst>
                </a:gridCol>
                <a:gridCol w="675010">
                  <a:extLst>
                    <a:ext uri="{9D8B030D-6E8A-4147-A177-3AD203B41FA5}">
                      <a16:colId xmlns:a16="http://schemas.microsoft.com/office/drawing/2014/main" val="20008"/>
                    </a:ext>
                  </a:extLst>
                </a:gridCol>
                <a:gridCol w="675010">
                  <a:extLst>
                    <a:ext uri="{9D8B030D-6E8A-4147-A177-3AD203B41FA5}">
                      <a16:colId xmlns:a16="http://schemas.microsoft.com/office/drawing/2014/main" val="2085507055"/>
                    </a:ext>
                  </a:extLst>
                </a:gridCol>
                <a:gridCol w="675010">
                  <a:extLst>
                    <a:ext uri="{9D8B030D-6E8A-4147-A177-3AD203B41FA5}">
                      <a16:colId xmlns:a16="http://schemas.microsoft.com/office/drawing/2014/main" val="3597660209"/>
                    </a:ext>
                  </a:extLst>
                </a:gridCol>
                <a:gridCol w="675010">
                  <a:extLst>
                    <a:ext uri="{9D8B030D-6E8A-4147-A177-3AD203B41FA5}">
                      <a16:colId xmlns:a16="http://schemas.microsoft.com/office/drawing/2014/main" val="20009"/>
                    </a:ext>
                  </a:extLst>
                </a:gridCol>
              </a:tblGrid>
              <a:tr h="562185">
                <a:tc>
                  <a:txBody>
                    <a:bodyPr/>
                    <a:lstStyle/>
                    <a:p>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均</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rgbClr val="FFFF00"/>
                    </a:solidFill>
                  </a:tcPr>
                </a:tc>
                <a:extLst>
                  <a:ext uri="{0D108BD9-81ED-4DB2-BD59-A6C34878D82A}">
                    <a16:rowId xmlns:a16="http://schemas.microsoft.com/office/drawing/2014/main" val="10000"/>
                  </a:ext>
                </a:extLst>
              </a:tr>
              <a:tr h="661950">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創出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の変化）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solidFill>
                      <a:schemeClr val="bg1"/>
                    </a:solidFill>
                  </a:tcPr>
                </a:tc>
                <a:tc>
                  <a:txBody>
                    <a:bodyPr/>
                    <a:lstStyle/>
                    <a:p>
                      <a:pPr algn="ctr">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solidFill>
                      <a:schemeClr val="bg1"/>
                    </a:solidFill>
                  </a:tcPr>
                </a:tc>
                <a:extLst>
                  <a:ext uri="{0D108BD9-81ED-4DB2-BD59-A6C34878D82A}">
                    <a16:rowId xmlns:a16="http://schemas.microsoft.com/office/drawing/2014/main" val="10001"/>
                  </a:ext>
                </a:extLst>
              </a:tr>
              <a:tr h="980219">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足指標</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4" name="テキスト ボックス 13"/>
          <p:cNvSpPr txBox="1"/>
          <p:nvPr/>
        </p:nvSpPr>
        <p:spPr>
          <a:xfrm>
            <a:off x="318606" y="4970304"/>
            <a:ext cx="8496945" cy="188769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国勢調査</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結果を基準とする推計人口</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まで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人口、</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の数値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国勢調査結果を基準とする推計で集計したもの。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80271628"/>
      </p:ext>
    </p:extLst>
  </p:cSld>
  <p:clrMapOvr>
    <a:masterClrMapping/>
  </p:clrMapOvr>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025839" y="3650261"/>
            <a:ext cx="4387259"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506180570"/>
              </p:ext>
            </p:extLst>
          </p:nvPr>
        </p:nvGraphicFramePr>
        <p:xfrm>
          <a:off x="354402" y="4132821"/>
          <a:ext cx="4290561" cy="1125659"/>
        </p:xfrm>
        <a:graphic>
          <a:graphicData uri="http://schemas.openxmlformats.org/drawingml/2006/table">
            <a:tbl>
              <a:tblPr firstRow="1" firstCol="1" bandRow="1"/>
              <a:tblGrid>
                <a:gridCol w="4290561">
                  <a:extLst>
                    <a:ext uri="{9D8B030D-6E8A-4147-A177-3AD203B41FA5}">
                      <a16:colId xmlns:a16="http://schemas.microsoft.com/office/drawing/2014/main" val="20000"/>
                    </a:ext>
                  </a:extLst>
                </a:gridCol>
              </a:tblGrid>
              <a:tr h="112565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7" name="正方形/長方形 16"/>
          <p:cNvSpPr/>
          <p:nvPr/>
        </p:nvSpPr>
        <p:spPr>
          <a:xfrm>
            <a:off x="177797" y="3585310"/>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82639" y="530706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nvPr>
        </p:nvGraphicFramePr>
        <p:xfrm>
          <a:off x="297412" y="5733836"/>
          <a:ext cx="4347340" cy="864097"/>
        </p:xfrm>
        <a:graphic>
          <a:graphicData uri="http://schemas.openxmlformats.org/drawingml/2006/table">
            <a:tbl>
              <a:tblPr firstRow="1" firstCol="1" bandRow="1"/>
              <a:tblGrid>
                <a:gridCol w="4347340">
                  <a:extLst>
                    <a:ext uri="{9D8B030D-6E8A-4147-A177-3AD203B41FA5}">
                      <a16:colId xmlns:a16="http://schemas.microsoft.com/office/drawing/2014/main" val="20000"/>
                    </a:ext>
                  </a:extLst>
                </a:gridCol>
              </a:tblGrid>
              <a:tr h="864097">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料金を基本とした料金体系に整理・統一</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道路公社路線は、接続する高速道路に移管</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34" name="正方形/長方形 10"/>
          <p:cNvSpPr>
            <a:spLocks noChangeArrowheads="1"/>
          </p:cNvSpPr>
          <p:nvPr/>
        </p:nvSpPr>
        <p:spPr bwMode="auto">
          <a:xfrm>
            <a:off x="90497" y="433509"/>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p>
        </p:txBody>
      </p:sp>
      <p:sp>
        <p:nvSpPr>
          <p:cNvPr id="3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dirty="0"/>
              <a:t>129</a:t>
            </a:r>
            <a:endParaRPr lang="ja-JP" altLang="en-US" dirty="0"/>
          </a:p>
        </p:txBody>
      </p:sp>
      <p:sp>
        <p:nvSpPr>
          <p:cNvPr id="32" name="正方形/長方形 31"/>
          <p:cNvSpPr/>
          <p:nvPr/>
        </p:nvSpPr>
        <p:spPr>
          <a:xfrm>
            <a:off x="107504" y="887234"/>
            <a:ext cx="8928992" cy="26014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道路大和川線、湾岸線、淀川左岸線、近畿自動車道などから構成される環状道路が、政府の都市再生プロジェクトにおいて、「大阪都心部における新たな環状道路」（大阪都市再生環状道路）として位置付けられた。</a:t>
            </a: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淀川</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が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西船場ジャンクションの信濃橋渡り線が開通するなど、利便性の向上が進む。</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大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川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鉄砲～三宅西区間の開通により全線が開通。</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本体工事に着手。淀川左岸線延伸部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p>
        </p:txBody>
      </p:sp>
      <p:grpSp>
        <p:nvGrpSpPr>
          <p:cNvPr id="35" name="グループ化 34"/>
          <p:cNvGrpSpPr/>
          <p:nvPr/>
        </p:nvGrpSpPr>
        <p:grpSpPr>
          <a:xfrm>
            <a:off x="5112692" y="4031089"/>
            <a:ext cx="3290440" cy="2650042"/>
            <a:chOff x="8463196" y="7059494"/>
            <a:chExt cx="2628774" cy="2288098"/>
          </a:xfrm>
        </p:grpSpPr>
        <p:pic>
          <p:nvPicPr>
            <p:cNvPr id="36" name="図 35"/>
            <p:cNvPicPr>
              <a:picLocks noChangeAspect="1"/>
            </p:cNvPicPr>
            <p:nvPr/>
          </p:nvPicPr>
          <p:blipFill rotWithShape="1">
            <a:blip r:embed="rId3" cstate="print">
              <a:extLst>
                <a:ext uri="{28A0092B-C50C-407E-A947-70E740481C1C}">
                  <a14:useLocalDpi xmlns:a14="http://schemas.microsoft.com/office/drawing/2010/main" val="0"/>
                </a:ext>
              </a:extLst>
            </a:blip>
            <a:srcRect l="49354" t="30127" r="22831" b="46515"/>
            <a:stretch/>
          </p:blipFill>
          <p:spPr>
            <a:xfrm>
              <a:off x="8550685" y="7059494"/>
              <a:ext cx="2541285" cy="2288098"/>
            </a:xfrm>
            <a:prstGeom prst="rect">
              <a:avLst/>
            </a:prstGeom>
            <a:ln w="15875" cmpd="thickThin">
              <a:noFill/>
            </a:ln>
            <a:effectLst>
              <a:softEdge rad="12700"/>
            </a:effectLst>
          </p:spPr>
        </p:pic>
        <p:sp>
          <p:nvSpPr>
            <p:cNvPr id="38" name="正方形/長方形 37"/>
            <p:cNvSpPr/>
            <p:nvPr/>
          </p:nvSpPr>
          <p:spPr>
            <a:xfrm>
              <a:off x="9670539" y="7200189"/>
              <a:ext cx="898407" cy="106166"/>
            </a:xfrm>
            <a:prstGeom prst="rect">
              <a:avLst/>
            </a:prstGeom>
            <a:solidFill>
              <a:srgbClr val="FFFFCC">
                <a:alpha val="8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吹き出し: 四角形 331">
              <a:extLst>
                <a:ext uri="{FF2B5EF4-FFF2-40B4-BE49-F238E27FC236}">
                  <a16:creationId xmlns:a16="http://schemas.microsoft.com/office/drawing/2014/main" id="{6C94F9B5-10B0-4C6A-87AA-E7269D0B5C6B}"/>
                </a:ext>
              </a:extLst>
            </p:cNvPr>
            <p:cNvSpPr/>
            <p:nvPr/>
          </p:nvSpPr>
          <p:spPr>
            <a:xfrm flipH="1">
              <a:off x="8595247" y="8443308"/>
              <a:ext cx="1339531" cy="717435"/>
            </a:xfrm>
            <a:custGeom>
              <a:avLst/>
              <a:gdLst>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613610 w 1472664"/>
                <a:gd name="connsiteY9" fmla="*/ 223833 h 223833"/>
                <a:gd name="connsiteX10" fmla="*/ 83044 w 1472664"/>
                <a:gd name="connsiteY10" fmla="*/ 1016367 h 223833"/>
                <a:gd name="connsiteX11" fmla="*/ 245444 w 1472664"/>
                <a:gd name="connsiteY11" fmla="*/ 223833 h 223833"/>
                <a:gd name="connsiteX12" fmla="*/ 0 w 1472664"/>
                <a:gd name="connsiteY12" fmla="*/ 223833 h 223833"/>
                <a:gd name="connsiteX13" fmla="*/ 0 w 1472664"/>
                <a:gd name="connsiteY13" fmla="*/ 186528 h 223833"/>
                <a:gd name="connsiteX14" fmla="*/ 0 w 1472664"/>
                <a:gd name="connsiteY14" fmla="*/ 130569 h 223833"/>
                <a:gd name="connsiteX15" fmla="*/ 0 w 1472664"/>
                <a:gd name="connsiteY15" fmla="*/ 130569 h 223833"/>
                <a:gd name="connsiteX16" fmla="*/ 0 w 1472664"/>
                <a:gd name="connsiteY16" fmla="*/ 0 h 223833"/>
                <a:gd name="connsiteX0" fmla="*/ 0 w 1472664"/>
                <a:gd name="connsiteY0" fmla="*/ 0 h 1016367"/>
                <a:gd name="connsiteX1" fmla="*/ 245444 w 1472664"/>
                <a:gd name="connsiteY1" fmla="*/ 0 h 1016367"/>
                <a:gd name="connsiteX2" fmla="*/ 245444 w 1472664"/>
                <a:gd name="connsiteY2" fmla="*/ 0 h 1016367"/>
                <a:gd name="connsiteX3" fmla="*/ 613610 w 1472664"/>
                <a:gd name="connsiteY3" fmla="*/ 0 h 1016367"/>
                <a:gd name="connsiteX4" fmla="*/ 1472664 w 1472664"/>
                <a:gd name="connsiteY4" fmla="*/ 0 h 1016367"/>
                <a:gd name="connsiteX5" fmla="*/ 1472664 w 1472664"/>
                <a:gd name="connsiteY5" fmla="*/ 130569 h 1016367"/>
                <a:gd name="connsiteX6" fmla="*/ 1472664 w 1472664"/>
                <a:gd name="connsiteY6" fmla="*/ 130569 h 1016367"/>
                <a:gd name="connsiteX7" fmla="*/ 1472664 w 1472664"/>
                <a:gd name="connsiteY7" fmla="*/ 186528 h 1016367"/>
                <a:gd name="connsiteX8" fmla="*/ 1472664 w 1472664"/>
                <a:gd name="connsiteY8" fmla="*/ 223833 h 1016367"/>
                <a:gd name="connsiteX9" fmla="*/ 340560 w 1472664"/>
                <a:gd name="connsiteY9" fmla="*/ 223833 h 1016367"/>
                <a:gd name="connsiteX10" fmla="*/ 83044 w 1472664"/>
                <a:gd name="connsiteY10" fmla="*/ 1016367 h 1016367"/>
                <a:gd name="connsiteX11" fmla="*/ 245444 w 1472664"/>
                <a:gd name="connsiteY11" fmla="*/ 223833 h 1016367"/>
                <a:gd name="connsiteX12" fmla="*/ 0 w 1472664"/>
                <a:gd name="connsiteY12" fmla="*/ 223833 h 1016367"/>
                <a:gd name="connsiteX13" fmla="*/ 0 w 1472664"/>
                <a:gd name="connsiteY13" fmla="*/ 186528 h 1016367"/>
                <a:gd name="connsiteX14" fmla="*/ 0 w 1472664"/>
                <a:gd name="connsiteY14" fmla="*/ 130569 h 1016367"/>
                <a:gd name="connsiteX15" fmla="*/ 0 w 1472664"/>
                <a:gd name="connsiteY15" fmla="*/ 130569 h 1016367"/>
                <a:gd name="connsiteX16" fmla="*/ 0 w 1472664"/>
                <a:gd name="connsiteY16" fmla="*/ 0 h 1016367"/>
                <a:gd name="connsiteX0" fmla="*/ 0 w 1472664"/>
                <a:gd name="connsiteY0" fmla="*/ 0 h 851267"/>
                <a:gd name="connsiteX1" fmla="*/ 245444 w 1472664"/>
                <a:gd name="connsiteY1" fmla="*/ 0 h 851267"/>
                <a:gd name="connsiteX2" fmla="*/ 245444 w 1472664"/>
                <a:gd name="connsiteY2" fmla="*/ 0 h 851267"/>
                <a:gd name="connsiteX3" fmla="*/ 613610 w 1472664"/>
                <a:gd name="connsiteY3" fmla="*/ 0 h 851267"/>
                <a:gd name="connsiteX4" fmla="*/ 1472664 w 1472664"/>
                <a:gd name="connsiteY4" fmla="*/ 0 h 851267"/>
                <a:gd name="connsiteX5" fmla="*/ 1472664 w 1472664"/>
                <a:gd name="connsiteY5" fmla="*/ 130569 h 851267"/>
                <a:gd name="connsiteX6" fmla="*/ 1472664 w 1472664"/>
                <a:gd name="connsiteY6" fmla="*/ 130569 h 851267"/>
                <a:gd name="connsiteX7" fmla="*/ 1472664 w 1472664"/>
                <a:gd name="connsiteY7" fmla="*/ 186528 h 851267"/>
                <a:gd name="connsiteX8" fmla="*/ 1472664 w 1472664"/>
                <a:gd name="connsiteY8" fmla="*/ 223833 h 851267"/>
                <a:gd name="connsiteX9" fmla="*/ 340560 w 1472664"/>
                <a:gd name="connsiteY9" fmla="*/ 223833 h 851267"/>
                <a:gd name="connsiteX10" fmla="*/ 102094 w 1472664"/>
                <a:gd name="connsiteY10" fmla="*/ 851267 h 851267"/>
                <a:gd name="connsiteX11" fmla="*/ 245444 w 1472664"/>
                <a:gd name="connsiteY11" fmla="*/ 223833 h 851267"/>
                <a:gd name="connsiteX12" fmla="*/ 0 w 1472664"/>
                <a:gd name="connsiteY12" fmla="*/ 223833 h 851267"/>
                <a:gd name="connsiteX13" fmla="*/ 0 w 1472664"/>
                <a:gd name="connsiteY13" fmla="*/ 186528 h 851267"/>
                <a:gd name="connsiteX14" fmla="*/ 0 w 1472664"/>
                <a:gd name="connsiteY14" fmla="*/ 130569 h 851267"/>
                <a:gd name="connsiteX15" fmla="*/ 0 w 1472664"/>
                <a:gd name="connsiteY15" fmla="*/ 130569 h 851267"/>
                <a:gd name="connsiteX16" fmla="*/ 0 w 1472664"/>
                <a:gd name="connsiteY16" fmla="*/ 0 h 851267"/>
                <a:gd name="connsiteX0" fmla="*/ 0 w 1472664"/>
                <a:gd name="connsiteY0" fmla="*/ 0 h 933817"/>
                <a:gd name="connsiteX1" fmla="*/ 245444 w 1472664"/>
                <a:gd name="connsiteY1" fmla="*/ 0 h 933817"/>
                <a:gd name="connsiteX2" fmla="*/ 245444 w 1472664"/>
                <a:gd name="connsiteY2" fmla="*/ 0 h 933817"/>
                <a:gd name="connsiteX3" fmla="*/ 613610 w 1472664"/>
                <a:gd name="connsiteY3" fmla="*/ 0 h 933817"/>
                <a:gd name="connsiteX4" fmla="*/ 1472664 w 1472664"/>
                <a:gd name="connsiteY4" fmla="*/ 0 h 933817"/>
                <a:gd name="connsiteX5" fmla="*/ 1472664 w 1472664"/>
                <a:gd name="connsiteY5" fmla="*/ 130569 h 933817"/>
                <a:gd name="connsiteX6" fmla="*/ 1472664 w 1472664"/>
                <a:gd name="connsiteY6" fmla="*/ 130569 h 933817"/>
                <a:gd name="connsiteX7" fmla="*/ 1472664 w 1472664"/>
                <a:gd name="connsiteY7" fmla="*/ 186528 h 933817"/>
                <a:gd name="connsiteX8" fmla="*/ 1472664 w 1472664"/>
                <a:gd name="connsiteY8" fmla="*/ 223833 h 933817"/>
                <a:gd name="connsiteX9" fmla="*/ 340560 w 1472664"/>
                <a:gd name="connsiteY9" fmla="*/ 223833 h 933817"/>
                <a:gd name="connsiteX10" fmla="*/ 83044 w 1472664"/>
                <a:gd name="connsiteY10" fmla="*/ 933817 h 933817"/>
                <a:gd name="connsiteX11" fmla="*/ 245444 w 1472664"/>
                <a:gd name="connsiteY11" fmla="*/ 223833 h 933817"/>
                <a:gd name="connsiteX12" fmla="*/ 0 w 1472664"/>
                <a:gd name="connsiteY12" fmla="*/ 223833 h 933817"/>
                <a:gd name="connsiteX13" fmla="*/ 0 w 1472664"/>
                <a:gd name="connsiteY13" fmla="*/ 186528 h 933817"/>
                <a:gd name="connsiteX14" fmla="*/ 0 w 1472664"/>
                <a:gd name="connsiteY14" fmla="*/ 130569 h 933817"/>
                <a:gd name="connsiteX15" fmla="*/ 0 w 1472664"/>
                <a:gd name="connsiteY15" fmla="*/ 130569 h 933817"/>
                <a:gd name="connsiteX16" fmla="*/ 0 w 1472664"/>
                <a:gd name="connsiteY16" fmla="*/ 0 h 933817"/>
                <a:gd name="connsiteX0" fmla="*/ 0 w 1472664"/>
                <a:gd name="connsiteY0" fmla="*/ 0 h 857617"/>
                <a:gd name="connsiteX1" fmla="*/ 245444 w 1472664"/>
                <a:gd name="connsiteY1" fmla="*/ 0 h 857617"/>
                <a:gd name="connsiteX2" fmla="*/ 245444 w 1472664"/>
                <a:gd name="connsiteY2" fmla="*/ 0 h 857617"/>
                <a:gd name="connsiteX3" fmla="*/ 613610 w 1472664"/>
                <a:gd name="connsiteY3" fmla="*/ 0 h 857617"/>
                <a:gd name="connsiteX4" fmla="*/ 1472664 w 1472664"/>
                <a:gd name="connsiteY4" fmla="*/ 0 h 857617"/>
                <a:gd name="connsiteX5" fmla="*/ 1472664 w 1472664"/>
                <a:gd name="connsiteY5" fmla="*/ 130569 h 857617"/>
                <a:gd name="connsiteX6" fmla="*/ 1472664 w 1472664"/>
                <a:gd name="connsiteY6" fmla="*/ 130569 h 857617"/>
                <a:gd name="connsiteX7" fmla="*/ 1472664 w 1472664"/>
                <a:gd name="connsiteY7" fmla="*/ 186528 h 857617"/>
                <a:gd name="connsiteX8" fmla="*/ 1472664 w 1472664"/>
                <a:gd name="connsiteY8" fmla="*/ 223833 h 857617"/>
                <a:gd name="connsiteX9" fmla="*/ 340560 w 1472664"/>
                <a:gd name="connsiteY9" fmla="*/ 223833 h 857617"/>
                <a:gd name="connsiteX10" fmla="*/ 102094 w 1472664"/>
                <a:gd name="connsiteY10" fmla="*/ 857617 h 857617"/>
                <a:gd name="connsiteX11" fmla="*/ 245444 w 1472664"/>
                <a:gd name="connsiteY11" fmla="*/ 223833 h 857617"/>
                <a:gd name="connsiteX12" fmla="*/ 0 w 1472664"/>
                <a:gd name="connsiteY12" fmla="*/ 223833 h 857617"/>
                <a:gd name="connsiteX13" fmla="*/ 0 w 1472664"/>
                <a:gd name="connsiteY13" fmla="*/ 186528 h 857617"/>
                <a:gd name="connsiteX14" fmla="*/ 0 w 1472664"/>
                <a:gd name="connsiteY14" fmla="*/ 130569 h 857617"/>
                <a:gd name="connsiteX15" fmla="*/ 0 w 1472664"/>
                <a:gd name="connsiteY15" fmla="*/ 130569 h 857617"/>
                <a:gd name="connsiteX16" fmla="*/ 0 w 1472664"/>
                <a:gd name="connsiteY16" fmla="*/ 0 h 857617"/>
                <a:gd name="connsiteX0" fmla="*/ 0 w 1472664"/>
                <a:gd name="connsiteY0" fmla="*/ 0 h 790942"/>
                <a:gd name="connsiteX1" fmla="*/ 245444 w 1472664"/>
                <a:gd name="connsiteY1" fmla="*/ 0 h 790942"/>
                <a:gd name="connsiteX2" fmla="*/ 245444 w 1472664"/>
                <a:gd name="connsiteY2" fmla="*/ 0 h 790942"/>
                <a:gd name="connsiteX3" fmla="*/ 613610 w 1472664"/>
                <a:gd name="connsiteY3" fmla="*/ 0 h 790942"/>
                <a:gd name="connsiteX4" fmla="*/ 1472664 w 1472664"/>
                <a:gd name="connsiteY4" fmla="*/ 0 h 790942"/>
                <a:gd name="connsiteX5" fmla="*/ 1472664 w 1472664"/>
                <a:gd name="connsiteY5" fmla="*/ 130569 h 790942"/>
                <a:gd name="connsiteX6" fmla="*/ 1472664 w 1472664"/>
                <a:gd name="connsiteY6" fmla="*/ 130569 h 790942"/>
                <a:gd name="connsiteX7" fmla="*/ 1472664 w 1472664"/>
                <a:gd name="connsiteY7" fmla="*/ 186528 h 790942"/>
                <a:gd name="connsiteX8" fmla="*/ 1472664 w 1472664"/>
                <a:gd name="connsiteY8" fmla="*/ 223833 h 790942"/>
                <a:gd name="connsiteX9" fmla="*/ 340560 w 1472664"/>
                <a:gd name="connsiteY9" fmla="*/ 223833 h 790942"/>
                <a:gd name="connsiteX10" fmla="*/ 111619 w 1472664"/>
                <a:gd name="connsiteY10" fmla="*/ 790942 h 790942"/>
                <a:gd name="connsiteX11" fmla="*/ 245444 w 1472664"/>
                <a:gd name="connsiteY11" fmla="*/ 223833 h 790942"/>
                <a:gd name="connsiteX12" fmla="*/ 0 w 1472664"/>
                <a:gd name="connsiteY12" fmla="*/ 223833 h 790942"/>
                <a:gd name="connsiteX13" fmla="*/ 0 w 1472664"/>
                <a:gd name="connsiteY13" fmla="*/ 186528 h 790942"/>
                <a:gd name="connsiteX14" fmla="*/ 0 w 1472664"/>
                <a:gd name="connsiteY14" fmla="*/ 130569 h 790942"/>
                <a:gd name="connsiteX15" fmla="*/ 0 w 1472664"/>
                <a:gd name="connsiteY15" fmla="*/ 130569 h 790942"/>
                <a:gd name="connsiteX16" fmla="*/ 0 w 1472664"/>
                <a:gd name="connsiteY16" fmla="*/ 0 h 790942"/>
                <a:gd name="connsiteX0" fmla="*/ 0 w 1472664"/>
                <a:gd name="connsiteY0" fmla="*/ 0 h 867142"/>
                <a:gd name="connsiteX1" fmla="*/ 245444 w 1472664"/>
                <a:gd name="connsiteY1" fmla="*/ 0 h 867142"/>
                <a:gd name="connsiteX2" fmla="*/ 245444 w 1472664"/>
                <a:gd name="connsiteY2" fmla="*/ 0 h 867142"/>
                <a:gd name="connsiteX3" fmla="*/ 613610 w 1472664"/>
                <a:gd name="connsiteY3" fmla="*/ 0 h 867142"/>
                <a:gd name="connsiteX4" fmla="*/ 1472664 w 1472664"/>
                <a:gd name="connsiteY4" fmla="*/ 0 h 867142"/>
                <a:gd name="connsiteX5" fmla="*/ 1472664 w 1472664"/>
                <a:gd name="connsiteY5" fmla="*/ 130569 h 867142"/>
                <a:gd name="connsiteX6" fmla="*/ 1472664 w 1472664"/>
                <a:gd name="connsiteY6" fmla="*/ 130569 h 867142"/>
                <a:gd name="connsiteX7" fmla="*/ 1472664 w 1472664"/>
                <a:gd name="connsiteY7" fmla="*/ 186528 h 867142"/>
                <a:gd name="connsiteX8" fmla="*/ 1472664 w 1472664"/>
                <a:gd name="connsiteY8" fmla="*/ 223833 h 867142"/>
                <a:gd name="connsiteX9" fmla="*/ 340560 w 1472664"/>
                <a:gd name="connsiteY9" fmla="*/ 223833 h 867142"/>
                <a:gd name="connsiteX10" fmla="*/ 195439 w 1472664"/>
                <a:gd name="connsiteY10" fmla="*/ 867142 h 867142"/>
                <a:gd name="connsiteX11" fmla="*/ 245444 w 1472664"/>
                <a:gd name="connsiteY11" fmla="*/ 223833 h 867142"/>
                <a:gd name="connsiteX12" fmla="*/ 0 w 1472664"/>
                <a:gd name="connsiteY12" fmla="*/ 223833 h 867142"/>
                <a:gd name="connsiteX13" fmla="*/ 0 w 1472664"/>
                <a:gd name="connsiteY13" fmla="*/ 186528 h 867142"/>
                <a:gd name="connsiteX14" fmla="*/ 0 w 1472664"/>
                <a:gd name="connsiteY14" fmla="*/ 130569 h 867142"/>
                <a:gd name="connsiteX15" fmla="*/ 0 w 1472664"/>
                <a:gd name="connsiteY15" fmla="*/ 130569 h 867142"/>
                <a:gd name="connsiteX16" fmla="*/ 0 w 1472664"/>
                <a:gd name="connsiteY16" fmla="*/ 0 h 86714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340560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245444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472664"/>
                <a:gd name="connsiteY0" fmla="*/ 0 h 835392"/>
                <a:gd name="connsiteX1" fmla="*/ 245444 w 1472664"/>
                <a:gd name="connsiteY1" fmla="*/ 0 h 835392"/>
                <a:gd name="connsiteX2" fmla="*/ 245444 w 1472664"/>
                <a:gd name="connsiteY2" fmla="*/ 0 h 835392"/>
                <a:gd name="connsiteX3" fmla="*/ 613610 w 1472664"/>
                <a:gd name="connsiteY3" fmla="*/ 0 h 835392"/>
                <a:gd name="connsiteX4" fmla="*/ 1472664 w 1472664"/>
                <a:gd name="connsiteY4" fmla="*/ 0 h 835392"/>
                <a:gd name="connsiteX5" fmla="*/ 1472664 w 1472664"/>
                <a:gd name="connsiteY5" fmla="*/ 130569 h 835392"/>
                <a:gd name="connsiteX6" fmla="*/ 1472664 w 1472664"/>
                <a:gd name="connsiteY6" fmla="*/ 130569 h 835392"/>
                <a:gd name="connsiteX7" fmla="*/ 1472664 w 1472664"/>
                <a:gd name="connsiteY7" fmla="*/ 186528 h 835392"/>
                <a:gd name="connsiteX8" fmla="*/ 1472664 w 1472664"/>
                <a:gd name="connsiteY8" fmla="*/ 223833 h 835392"/>
                <a:gd name="connsiteX9" fmla="*/ 1353028 w 1472664"/>
                <a:gd name="connsiteY9" fmla="*/ 223833 h 835392"/>
                <a:gd name="connsiteX10" fmla="*/ 112889 w 1472664"/>
                <a:gd name="connsiteY10" fmla="*/ 835392 h 835392"/>
                <a:gd name="connsiteX11" fmla="*/ 1241927 w 1472664"/>
                <a:gd name="connsiteY11" fmla="*/ 223833 h 835392"/>
                <a:gd name="connsiteX12" fmla="*/ 0 w 1472664"/>
                <a:gd name="connsiteY12" fmla="*/ 223833 h 835392"/>
                <a:gd name="connsiteX13" fmla="*/ 0 w 1472664"/>
                <a:gd name="connsiteY13" fmla="*/ 186528 h 835392"/>
                <a:gd name="connsiteX14" fmla="*/ 0 w 1472664"/>
                <a:gd name="connsiteY14" fmla="*/ 130569 h 835392"/>
                <a:gd name="connsiteX15" fmla="*/ 0 w 1472664"/>
                <a:gd name="connsiteY15" fmla="*/ 130569 h 835392"/>
                <a:gd name="connsiteX16" fmla="*/ 0 w 1472664"/>
                <a:gd name="connsiteY16" fmla="*/ 0 h 835392"/>
                <a:gd name="connsiteX0" fmla="*/ 0 w 1738167"/>
                <a:gd name="connsiteY0" fmla="*/ 0 h 702042"/>
                <a:gd name="connsiteX1" fmla="*/ 245444 w 1738167"/>
                <a:gd name="connsiteY1" fmla="*/ 0 h 702042"/>
                <a:gd name="connsiteX2" fmla="*/ 245444 w 1738167"/>
                <a:gd name="connsiteY2" fmla="*/ 0 h 702042"/>
                <a:gd name="connsiteX3" fmla="*/ 613610 w 1738167"/>
                <a:gd name="connsiteY3" fmla="*/ 0 h 702042"/>
                <a:gd name="connsiteX4" fmla="*/ 1472664 w 1738167"/>
                <a:gd name="connsiteY4" fmla="*/ 0 h 702042"/>
                <a:gd name="connsiteX5" fmla="*/ 1472664 w 1738167"/>
                <a:gd name="connsiteY5" fmla="*/ 130569 h 702042"/>
                <a:gd name="connsiteX6" fmla="*/ 1472664 w 1738167"/>
                <a:gd name="connsiteY6" fmla="*/ 130569 h 702042"/>
                <a:gd name="connsiteX7" fmla="*/ 1472664 w 1738167"/>
                <a:gd name="connsiteY7" fmla="*/ 186528 h 702042"/>
                <a:gd name="connsiteX8" fmla="*/ 1472664 w 1738167"/>
                <a:gd name="connsiteY8" fmla="*/ 223833 h 702042"/>
                <a:gd name="connsiteX9" fmla="*/ 1353028 w 1738167"/>
                <a:gd name="connsiteY9" fmla="*/ 223833 h 702042"/>
                <a:gd name="connsiteX10" fmla="*/ 1738167 w 1738167"/>
                <a:gd name="connsiteY10" fmla="*/ 702042 h 702042"/>
                <a:gd name="connsiteX11" fmla="*/ 1241927 w 1738167"/>
                <a:gd name="connsiteY11" fmla="*/ 223833 h 702042"/>
                <a:gd name="connsiteX12" fmla="*/ 0 w 1738167"/>
                <a:gd name="connsiteY12" fmla="*/ 223833 h 702042"/>
                <a:gd name="connsiteX13" fmla="*/ 0 w 1738167"/>
                <a:gd name="connsiteY13" fmla="*/ 186528 h 702042"/>
                <a:gd name="connsiteX14" fmla="*/ 0 w 1738167"/>
                <a:gd name="connsiteY14" fmla="*/ 130569 h 702042"/>
                <a:gd name="connsiteX15" fmla="*/ 0 w 1738167"/>
                <a:gd name="connsiteY15" fmla="*/ 130569 h 702042"/>
                <a:gd name="connsiteX16" fmla="*/ 0 w 1738167"/>
                <a:gd name="connsiteY16" fmla="*/ 0 h 702042"/>
                <a:gd name="connsiteX0" fmla="*/ 0 w 1695733"/>
                <a:gd name="connsiteY0" fmla="*/ 0 h 638075"/>
                <a:gd name="connsiteX1" fmla="*/ 245444 w 1695733"/>
                <a:gd name="connsiteY1" fmla="*/ 0 h 638075"/>
                <a:gd name="connsiteX2" fmla="*/ 245444 w 1695733"/>
                <a:gd name="connsiteY2" fmla="*/ 0 h 638075"/>
                <a:gd name="connsiteX3" fmla="*/ 613610 w 1695733"/>
                <a:gd name="connsiteY3" fmla="*/ 0 h 638075"/>
                <a:gd name="connsiteX4" fmla="*/ 1472664 w 1695733"/>
                <a:gd name="connsiteY4" fmla="*/ 0 h 638075"/>
                <a:gd name="connsiteX5" fmla="*/ 1472664 w 1695733"/>
                <a:gd name="connsiteY5" fmla="*/ 130569 h 638075"/>
                <a:gd name="connsiteX6" fmla="*/ 1472664 w 1695733"/>
                <a:gd name="connsiteY6" fmla="*/ 130569 h 638075"/>
                <a:gd name="connsiteX7" fmla="*/ 1472664 w 1695733"/>
                <a:gd name="connsiteY7" fmla="*/ 186528 h 638075"/>
                <a:gd name="connsiteX8" fmla="*/ 1472664 w 1695733"/>
                <a:gd name="connsiteY8" fmla="*/ 223833 h 638075"/>
                <a:gd name="connsiteX9" fmla="*/ 1353028 w 1695733"/>
                <a:gd name="connsiteY9" fmla="*/ 223833 h 638075"/>
                <a:gd name="connsiteX10" fmla="*/ 1695733 w 1695733"/>
                <a:gd name="connsiteY10" fmla="*/ 638075 h 638075"/>
                <a:gd name="connsiteX11" fmla="*/ 1241927 w 1695733"/>
                <a:gd name="connsiteY11" fmla="*/ 223833 h 638075"/>
                <a:gd name="connsiteX12" fmla="*/ 0 w 1695733"/>
                <a:gd name="connsiteY12" fmla="*/ 223833 h 638075"/>
                <a:gd name="connsiteX13" fmla="*/ 0 w 1695733"/>
                <a:gd name="connsiteY13" fmla="*/ 186528 h 638075"/>
                <a:gd name="connsiteX14" fmla="*/ 0 w 1695733"/>
                <a:gd name="connsiteY14" fmla="*/ 130569 h 638075"/>
                <a:gd name="connsiteX15" fmla="*/ 0 w 1695733"/>
                <a:gd name="connsiteY15" fmla="*/ 130569 h 638075"/>
                <a:gd name="connsiteX16" fmla="*/ 0 w 1695733"/>
                <a:gd name="connsiteY16" fmla="*/ 0 h 638075"/>
                <a:gd name="connsiteX0" fmla="*/ 0 w 1706341"/>
                <a:gd name="connsiteY0" fmla="*/ 0 h 652836"/>
                <a:gd name="connsiteX1" fmla="*/ 245444 w 1706341"/>
                <a:gd name="connsiteY1" fmla="*/ 0 h 652836"/>
                <a:gd name="connsiteX2" fmla="*/ 245444 w 1706341"/>
                <a:gd name="connsiteY2" fmla="*/ 0 h 652836"/>
                <a:gd name="connsiteX3" fmla="*/ 613610 w 1706341"/>
                <a:gd name="connsiteY3" fmla="*/ 0 h 652836"/>
                <a:gd name="connsiteX4" fmla="*/ 1472664 w 1706341"/>
                <a:gd name="connsiteY4" fmla="*/ 0 h 652836"/>
                <a:gd name="connsiteX5" fmla="*/ 1472664 w 1706341"/>
                <a:gd name="connsiteY5" fmla="*/ 130569 h 652836"/>
                <a:gd name="connsiteX6" fmla="*/ 1472664 w 1706341"/>
                <a:gd name="connsiteY6" fmla="*/ 130569 h 652836"/>
                <a:gd name="connsiteX7" fmla="*/ 1472664 w 1706341"/>
                <a:gd name="connsiteY7" fmla="*/ 186528 h 652836"/>
                <a:gd name="connsiteX8" fmla="*/ 1472664 w 1706341"/>
                <a:gd name="connsiteY8" fmla="*/ 223833 h 652836"/>
                <a:gd name="connsiteX9" fmla="*/ 1353028 w 1706341"/>
                <a:gd name="connsiteY9" fmla="*/ 223833 h 652836"/>
                <a:gd name="connsiteX10" fmla="*/ 1706341 w 1706341"/>
                <a:gd name="connsiteY10" fmla="*/ 652836 h 652836"/>
                <a:gd name="connsiteX11" fmla="*/ 1241927 w 1706341"/>
                <a:gd name="connsiteY11" fmla="*/ 223833 h 652836"/>
                <a:gd name="connsiteX12" fmla="*/ 0 w 1706341"/>
                <a:gd name="connsiteY12" fmla="*/ 223833 h 652836"/>
                <a:gd name="connsiteX13" fmla="*/ 0 w 1706341"/>
                <a:gd name="connsiteY13" fmla="*/ 186528 h 652836"/>
                <a:gd name="connsiteX14" fmla="*/ 0 w 1706341"/>
                <a:gd name="connsiteY14" fmla="*/ 130569 h 652836"/>
                <a:gd name="connsiteX15" fmla="*/ 0 w 1706341"/>
                <a:gd name="connsiteY15" fmla="*/ 130569 h 652836"/>
                <a:gd name="connsiteX16" fmla="*/ 0 w 1706341"/>
                <a:gd name="connsiteY16" fmla="*/ 0 h 652836"/>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695733"/>
                <a:gd name="connsiteY0" fmla="*/ 0 h 642995"/>
                <a:gd name="connsiteX1" fmla="*/ 245444 w 1695733"/>
                <a:gd name="connsiteY1" fmla="*/ 0 h 642995"/>
                <a:gd name="connsiteX2" fmla="*/ 245444 w 1695733"/>
                <a:gd name="connsiteY2" fmla="*/ 0 h 642995"/>
                <a:gd name="connsiteX3" fmla="*/ 613610 w 1695733"/>
                <a:gd name="connsiteY3" fmla="*/ 0 h 642995"/>
                <a:gd name="connsiteX4" fmla="*/ 1472664 w 1695733"/>
                <a:gd name="connsiteY4" fmla="*/ 0 h 642995"/>
                <a:gd name="connsiteX5" fmla="*/ 1472664 w 1695733"/>
                <a:gd name="connsiteY5" fmla="*/ 130569 h 642995"/>
                <a:gd name="connsiteX6" fmla="*/ 1472664 w 1695733"/>
                <a:gd name="connsiteY6" fmla="*/ 130569 h 642995"/>
                <a:gd name="connsiteX7" fmla="*/ 1472664 w 1695733"/>
                <a:gd name="connsiteY7" fmla="*/ 186528 h 642995"/>
                <a:gd name="connsiteX8" fmla="*/ 1472664 w 1695733"/>
                <a:gd name="connsiteY8" fmla="*/ 223833 h 642995"/>
                <a:gd name="connsiteX9" fmla="*/ 1353028 w 1695733"/>
                <a:gd name="connsiteY9" fmla="*/ 223833 h 642995"/>
                <a:gd name="connsiteX10" fmla="*/ 1695733 w 1695733"/>
                <a:gd name="connsiteY10" fmla="*/ 642995 h 642995"/>
                <a:gd name="connsiteX11" fmla="*/ 1241927 w 1695733"/>
                <a:gd name="connsiteY11" fmla="*/ 223833 h 642995"/>
                <a:gd name="connsiteX12" fmla="*/ 0 w 1695733"/>
                <a:gd name="connsiteY12" fmla="*/ 223833 h 642995"/>
                <a:gd name="connsiteX13" fmla="*/ 0 w 1695733"/>
                <a:gd name="connsiteY13" fmla="*/ 186528 h 642995"/>
                <a:gd name="connsiteX14" fmla="*/ 0 w 1695733"/>
                <a:gd name="connsiteY14" fmla="*/ 130569 h 642995"/>
                <a:gd name="connsiteX15" fmla="*/ 0 w 1695733"/>
                <a:gd name="connsiteY15" fmla="*/ 130569 h 642995"/>
                <a:gd name="connsiteX16" fmla="*/ 0 w 1695733"/>
                <a:gd name="connsiteY16" fmla="*/ 0 h 642995"/>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30569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30569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2664"/>
                <a:gd name="connsiteY0" fmla="*/ 0 h 223833"/>
                <a:gd name="connsiteX1" fmla="*/ 245444 w 1472664"/>
                <a:gd name="connsiteY1" fmla="*/ 0 h 223833"/>
                <a:gd name="connsiteX2" fmla="*/ 245444 w 1472664"/>
                <a:gd name="connsiteY2" fmla="*/ 0 h 223833"/>
                <a:gd name="connsiteX3" fmla="*/ 613610 w 1472664"/>
                <a:gd name="connsiteY3" fmla="*/ 0 h 223833"/>
                <a:gd name="connsiteX4" fmla="*/ 1472664 w 1472664"/>
                <a:gd name="connsiteY4" fmla="*/ 0 h 223833"/>
                <a:gd name="connsiteX5" fmla="*/ 1472664 w 1472664"/>
                <a:gd name="connsiteY5" fmla="*/ 150251 h 223833"/>
                <a:gd name="connsiteX6" fmla="*/ 1472664 w 1472664"/>
                <a:gd name="connsiteY6" fmla="*/ 110886 h 223833"/>
                <a:gd name="connsiteX7" fmla="*/ 1472664 w 1472664"/>
                <a:gd name="connsiteY7" fmla="*/ 186528 h 223833"/>
                <a:gd name="connsiteX8" fmla="*/ 1472664 w 1472664"/>
                <a:gd name="connsiteY8" fmla="*/ 223833 h 223833"/>
                <a:gd name="connsiteX9" fmla="*/ 1353028 w 1472664"/>
                <a:gd name="connsiteY9" fmla="*/ 223833 h 223833"/>
                <a:gd name="connsiteX10" fmla="*/ 1241927 w 1472664"/>
                <a:gd name="connsiteY10" fmla="*/ 223833 h 223833"/>
                <a:gd name="connsiteX11" fmla="*/ 0 w 1472664"/>
                <a:gd name="connsiteY11" fmla="*/ 223833 h 223833"/>
                <a:gd name="connsiteX12" fmla="*/ 0 w 1472664"/>
                <a:gd name="connsiteY12" fmla="*/ 186528 h 223833"/>
                <a:gd name="connsiteX13" fmla="*/ 0 w 1472664"/>
                <a:gd name="connsiteY13" fmla="*/ 130569 h 223833"/>
                <a:gd name="connsiteX14" fmla="*/ 0 w 1472664"/>
                <a:gd name="connsiteY14" fmla="*/ 130569 h 223833"/>
                <a:gd name="connsiteX15" fmla="*/ 0 w 1472664"/>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4 w 1475060"/>
                <a:gd name="connsiteY5" fmla="*/ 150251 h 223833"/>
                <a:gd name="connsiteX6" fmla="*/ 1475060 w 1475060"/>
                <a:gd name="connsiteY6" fmla="*/ 71522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71522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289"/>
                <a:gd name="connsiteY0" fmla="*/ 0 h 223833"/>
                <a:gd name="connsiteX1" fmla="*/ 245444 w 1475289"/>
                <a:gd name="connsiteY1" fmla="*/ 0 h 223833"/>
                <a:gd name="connsiteX2" fmla="*/ 245444 w 1475289"/>
                <a:gd name="connsiteY2" fmla="*/ 0 h 223833"/>
                <a:gd name="connsiteX3" fmla="*/ 613610 w 1475289"/>
                <a:gd name="connsiteY3" fmla="*/ 0 h 223833"/>
                <a:gd name="connsiteX4" fmla="*/ 1472664 w 1475289"/>
                <a:gd name="connsiteY4" fmla="*/ 0 h 223833"/>
                <a:gd name="connsiteX5" fmla="*/ 1475059 w 1475289"/>
                <a:gd name="connsiteY5" fmla="*/ 44459 h 223833"/>
                <a:gd name="connsiteX6" fmla="*/ 1475060 w 1475289"/>
                <a:gd name="connsiteY6" fmla="*/ 130569 h 223833"/>
                <a:gd name="connsiteX7" fmla="*/ 1472664 w 1475289"/>
                <a:gd name="connsiteY7" fmla="*/ 186528 h 223833"/>
                <a:gd name="connsiteX8" fmla="*/ 1472664 w 1475289"/>
                <a:gd name="connsiteY8" fmla="*/ 223833 h 223833"/>
                <a:gd name="connsiteX9" fmla="*/ 1353028 w 1475289"/>
                <a:gd name="connsiteY9" fmla="*/ 223833 h 223833"/>
                <a:gd name="connsiteX10" fmla="*/ 1241927 w 1475289"/>
                <a:gd name="connsiteY10" fmla="*/ 223833 h 223833"/>
                <a:gd name="connsiteX11" fmla="*/ 0 w 1475289"/>
                <a:gd name="connsiteY11" fmla="*/ 223833 h 223833"/>
                <a:gd name="connsiteX12" fmla="*/ 0 w 1475289"/>
                <a:gd name="connsiteY12" fmla="*/ 186528 h 223833"/>
                <a:gd name="connsiteX13" fmla="*/ 0 w 1475289"/>
                <a:gd name="connsiteY13" fmla="*/ 130569 h 223833"/>
                <a:gd name="connsiteX14" fmla="*/ 0 w 1475289"/>
                <a:gd name="connsiteY14" fmla="*/ 130569 h 223833"/>
                <a:gd name="connsiteX15" fmla="*/ 0 w 1475289"/>
                <a:gd name="connsiteY15" fmla="*/ 0 h 223833"/>
                <a:gd name="connsiteX0" fmla="*/ 0 w 1475060"/>
                <a:gd name="connsiteY0" fmla="*/ 0 h 223833"/>
                <a:gd name="connsiteX1" fmla="*/ 245444 w 1475060"/>
                <a:gd name="connsiteY1" fmla="*/ 0 h 223833"/>
                <a:gd name="connsiteX2" fmla="*/ 245444 w 1475060"/>
                <a:gd name="connsiteY2" fmla="*/ 0 h 223833"/>
                <a:gd name="connsiteX3" fmla="*/ 613610 w 1475060"/>
                <a:gd name="connsiteY3" fmla="*/ 0 h 223833"/>
                <a:gd name="connsiteX4" fmla="*/ 1472664 w 1475060"/>
                <a:gd name="connsiteY4" fmla="*/ 0 h 223833"/>
                <a:gd name="connsiteX5" fmla="*/ 1472663 w 1475060"/>
                <a:gd name="connsiteY5" fmla="*/ 69061 h 223833"/>
                <a:gd name="connsiteX6" fmla="*/ 1475060 w 1475060"/>
                <a:gd name="connsiteY6" fmla="*/ 130569 h 223833"/>
                <a:gd name="connsiteX7" fmla="*/ 1472664 w 1475060"/>
                <a:gd name="connsiteY7" fmla="*/ 186528 h 223833"/>
                <a:gd name="connsiteX8" fmla="*/ 1472664 w 1475060"/>
                <a:gd name="connsiteY8" fmla="*/ 223833 h 223833"/>
                <a:gd name="connsiteX9" fmla="*/ 1353028 w 1475060"/>
                <a:gd name="connsiteY9" fmla="*/ 223833 h 223833"/>
                <a:gd name="connsiteX10" fmla="*/ 1241927 w 1475060"/>
                <a:gd name="connsiteY10" fmla="*/ 223833 h 223833"/>
                <a:gd name="connsiteX11" fmla="*/ 0 w 1475060"/>
                <a:gd name="connsiteY11" fmla="*/ 223833 h 223833"/>
                <a:gd name="connsiteX12" fmla="*/ 0 w 1475060"/>
                <a:gd name="connsiteY12" fmla="*/ 186528 h 223833"/>
                <a:gd name="connsiteX13" fmla="*/ 0 w 1475060"/>
                <a:gd name="connsiteY13" fmla="*/ 130569 h 223833"/>
                <a:gd name="connsiteX14" fmla="*/ 0 w 1475060"/>
                <a:gd name="connsiteY14" fmla="*/ 130569 h 223833"/>
                <a:gd name="connsiteX15" fmla="*/ 0 w 1475060"/>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477456"/>
                <a:gd name="connsiteY0" fmla="*/ 0 h 223833"/>
                <a:gd name="connsiteX1" fmla="*/ 245444 w 1477456"/>
                <a:gd name="connsiteY1" fmla="*/ 0 h 223833"/>
                <a:gd name="connsiteX2" fmla="*/ 245444 w 1477456"/>
                <a:gd name="connsiteY2" fmla="*/ 0 h 223833"/>
                <a:gd name="connsiteX3" fmla="*/ 613610 w 1477456"/>
                <a:gd name="connsiteY3" fmla="*/ 0 h 223833"/>
                <a:gd name="connsiteX4" fmla="*/ 1472664 w 1477456"/>
                <a:gd name="connsiteY4" fmla="*/ 0 h 223833"/>
                <a:gd name="connsiteX5" fmla="*/ 1472663 w 1477456"/>
                <a:gd name="connsiteY5" fmla="*/ 69061 h 223833"/>
                <a:gd name="connsiteX6" fmla="*/ 1477456 w 1477456"/>
                <a:gd name="connsiteY6" fmla="*/ 135490 h 223833"/>
                <a:gd name="connsiteX7" fmla="*/ 1472664 w 1477456"/>
                <a:gd name="connsiteY7" fmla="*/ 186528 h 223833"/>
                <a:gd name="connsiteX8" fmla="*/ 1472664 w 1477456"/>
                <a:gd name="connsiteY8" fmla="*/ 223833 h 223833"/>
                <a:gd name="connsiteX9" fmla="*/ 1353028 w 1477456"/>
                <a:gd name="connsiteY9" fmla="*/ 223833 h 223833"/>
                <a:gd name="connsiteX10" fmla="*/ 1241927 w 1477456"/>
                <a:gd name="connsiteY10" fmla="*/ 223833 h 223833"/>
                <a:gd name="connsiteX11" fmla="*/ 0 w 1477456"/>
                <a:gd name="connsiteY11" fmla="*/ 223833 h 223833"/>
                <a:gd name="connsiteX12" fmla="*/ 0 w 1477456"/>
                <a:gd name="connsiteY12" fmla="*/ 186528 h 223833"/>
                <a:gd name="connsiteX13" fmla="*/ 0 w 1477456"/>
                <a:gd name="connsiteY13" fmla="*/ 130569 h 223833"/>
                <a:gd name="connsiteX14" fmla="*/ 0 w 1477456"/>
                <a:gd name="connsiteY14" fmla="*/ 130569 h 223833"/>
                <a:gd name="connsiteX15" fmla="*/ 0 w 1477456"/>
                <a:gd name="connsiteY15" fmla="*/ 0 h 223833"/>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2664 w 1863068"/>
                <a:gd name="connsiteY7" fmla="*/ 208496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863068"/>
                <a:gd name="connsiteY0" fmla="*/ 21968 h 245801"/>
                <a:gd name="connsiteX1" fmla="*/ 245444 w 1863068"/>
                <a:gd name="connsiteY1" fmla="*/ 21968 h 245801"/>
                <a:gd name="connsiteX2" fmla="*/ 245444 w 1863068"/>
                <a:gd name="connsiteY2" fmla="*/ 21968 h 245801"/>
                <a:gd name="connsiteX3" fmla="*/ 613610 w 1863068"/>
                <a:gd name="connsiteY3" fmla="*/ 21968 h 245801"/>
                <a:gd name="connsiteX4" fmla="*/ 1472664 w 1863068"/>
                <a:gd name="connsiteY4" fmla="*/ 21968 h 245801"/>
                <a:gd name="connsiteX5" fmla="*/ 1472663 w 1863068"/>
                <a:gd name="connsiteY5" fmla="*/ 91029 h 245801"/>
                <a:gd name="connsiteX6" fmla="*/ 1863068 w 1863068"/>
                <a:gd name="connsiteY6" fmla="*/ 0 h 245801"/>
                <a:gd name="connsiteX7" fmla="*/ 1477455 w 1863068"/>
                <a:gd name="connsiteY7" fmla="*/ 144529 h 245801"/>
                <a:gd name="connsiteX8" fmla="*/ 1472664 w 1863068"/>
                <a:gd name="connsiteY8" fmla="*/ 245801 h 245801"/>
                <a:gd name="connsiteX9" fmla="*/ 1353028 w 1863068"/>
                <a:gd name="connsiteY9" fmla="*/ 245801 h 245801"/>
                <a:gd name="connsiteX10" fmla="*/ 1241927 w 1863068"/>
                <a:gd name="connsiteY10" fmla="*/ 245801 h 245801"/>
                <a:gd name="connsiteX11" fmla="*/ 0 w 1863068"/>
                <a:gd name="connsiteY11" fmla="*/ 245801 h 245801"/>
                <a:gd name="connsiteX12" fmla="*/ 0 w 1863068"/>
                <a:gd name="connsiteY12" fmla="*/ 208496 h 245801"/>
                <a:gd name="connsiteX13" fmla="*/ 0 w 1863068"/>
                <a:gd name="connsiteY13" fmla="*/ 152537 h 245801"/>
                <a:gd name="connsiteX14" fmla="*/ 0 w 1863068"/>
                <a:gd name="connsiteY14" fmla="*/ 152537 h 245801"/>
                <a:gd name="connsiteX15" fmla="*/ 0 w 1863068"/>
                <a:gd name="connsiteY15" fmla="*/ 21968 h 245801"/>
                <a:gd name="connsiteX0" fmla="*/ 0 w 1929738"/>
                <a:gd name="connsiteY0" fmla="*/ 303906 h 527739"/>
                <a:gd name="connsiteX1" fmla="*/ 245444 w 1929738"/>
                <a:gd name="connsiteY1" fmla="*/ 303906 h 527739"/>
                <a:gd name="connsiteX2" fmla="*/ 245444 w 1929738"/>
                <a:gd name="connsiteY2" fmla="*/ 303906 h 527739"/>
                <a:gd name="connsiteX3" fmla="*/ 613610 w 1929738"/>
                <a:gd name="connsiteY3" fmla="*/ 303906 h 527739"/>
                <a:gd name="connsiteX4" fmla="*/ 1472664 w 1929738"/>
                <a:gd name="connsiteY4" fmla="*/ 303906 h 527739"/>
                <a:gd name="connsiteX5" fmla="*/ 1472663 w 1929738"/>
                <a:gd name="connsiteY5" fmla="*/ 372967 h 527739"/>
                <a:gd name="connsiteX6" fmla="*/ 1929738 w 1929738"/>
                <a:gd name="connsiteY6" fmla="*/ 0 h 527739"/>
                <a:gd name="connsiteX7" fmla="*/ 1477455 w 1929738"/>
                <a:gd name="connsiteY7" fmla="*/ 426467 h 527739"/>
                <a:gd name="connsiteX8" fmla="*/ 1472664 w 1929738"/>
                <a:gd name="connsiteY8" fmla="*/ 527739 h 527739"/>
                <a:gd name="connsiteX9" fmla="*/ 1353028 w 1929738"/>
                <a:gd name="connsiteY9" fmla="*/ 527739 h 527739"/>
                <a:gd name="connsiteX10" fmla="*/ 1241927 w 1929738"/>
                <a:gd name="connsiteY10" fmla="*/ 527739 h 527739"/>
                <a:gd name="connsiteX11" fmla="*/ 0 w 1929738"/>
                <a:gd name="connsiteY11" fmla="*/ 527739 h 527739"/>
                <a:gd name="connsiteX12" fmla="*/ 0 w 1929738"/>
                <a:gd name="connsiteY12" fmla="*/ 490434 h 527739"/>
                <a:gd name="connsiteX13" fmla="*/ 0 w 1929738"/>
                <a:gd name="connsiteY13" fmla="*/ 434475 h 527739"/>
                <a:gd name="connsiteX14" fmla="*/ 0 w 1929738"/>
                <a:gd name="connsiteY14" fmla="*/ 434475 h 527739"/>
                <a:gd name="connsiteX15" fmla="*/ 0 w 1929738"/>
                <a:gd name="connsiteY15" fmla="*/ 303906 h 527739"/>
                <a:gd name="connsiteX0" fmla="*/ 0 w 1892699"/>
                <a:gd name="connsiteY0" fmla="*/ 259052 h 482885"/>
                <a:gd name="connsiteX1" fmla="*/ 245444 w 1892699"/>
                <a:gd name="connsiteY1" fmla="*/ 259052 h 482885"/>
                <a:gd name="connsiteX2" fmla="*/ 245444 w 1892699"/>
                <a:gd name="connsiteY2" fmla="*/ 259052 h 482885"/>
                <a:gd name="connsiteX3" fmla="*/ 613610 w 1892699"/>
                <a:gd name="connsiteY3" fmla="*/ 259052 h 482885"/>
                <a:gd name="connsiteX4" fmla="*/ 1472664 w 1892699"/>
                <a:gd name="connsiteY4" fmla="*/ 259052 h 482885"/>
                <a:gd name="connsiteX5" fmla="*/ 1472663 w 1892699"/>
                <a:gd name="connsiteY5" fmla="*/ 328113 h 482885"/>
                <a:gd name="connsiteX6" fmla="*/ 1892699 w 1892699"/>
                <a:gd name="connsiteY6" fmla="*/ 0 h 482885"/>
                <a:gd name="connsiteX7" fmla="*/ 1477455 w 1892699"/>
                <a:gd name="connsiteY7" fmla="*/ 381613 h 482885"/>
                <a:gd name="connsiteX8" fmla="*/ 1472664 w 1892699"/>
                <a:gd name="connsiteY8" fmla="*/ 482885 h 482885"/>
                <a:gd name="connsiteX9" fmla="*/ 1353028 w 1892699"/>
                <a:gd name="connsiteY9" fmla="*/ 482885 h 482885"/>
                <a:gd name="connsiteX10" fmla="*/ 1241927 w 1892699"/>
                <a:gd name="connsiteY10" fmla="*/ 482885 h 482885"/>
                <a:gd name="connsiteX11" fmla="*/ 0 w 1892699"/>
                <a:gd name="connsiteY11" fmla="*/ 482885 h 482885"/>
                <a:gd name="connsiteX12" fmla="*/ 0 w 1892699"/>
                <a:gd name="connsiteY12" fmla="*/ 445580 h 482885"/>
                <a:gd name="connsiteX13" fmla="*/ 0 w 1892699"/>
                <a:gd name="connsiteY13" fmla="*/ 389621 h 482885"/>
                <a:gd name="connsiteX14" fmla="*/ 0 w 1892699"/>
                <a:gd name="connsiteY14" fmla="*/ 389621 h 482885"/>
                <a:gd name="connsiteX15" fmla="*/ 0 w 1892699"/>
                <a:gd name="connsiteY15" fmla="*/ 259052 h 482885"/>
                <a:gd name="connsiteX0" fmla="*/ 0 w 1877883"/>
                <a:gd name="connsiteY0" fmla="*/ 265460 h 489293"/>
                <a:gd name="connsiteX1" fmla="*/ 245444 w 1877883"/>
                <a:gd name="connsiteY1" fmla="*/ 265460 h 489293"/>
                <a:gd name="connsiteX2" fmla="*/ 245444 w 1877883"/>
                <a:gd name="connsiteY2" fmla="*/ 265460 h 489293"/>
                <a:gd name="connsiteX3" fmla="*/ 613610 w 1877883"/>
                <a:gd name="connsiteY3" fmla="*/ 265460 h 489293"/>
                <a:gd name="connsiteX4" fmla="*/ 1472664 w 1877883"/>
                <a:gd name="connsiteY4" fmla="*/ 265460 h 489293"/>
                <a:gd name="connsiteX5" fmla="*/ 1472663 w 1877883"/>
                <a:gd name="connsiteY5" fmla="*/ 334521 h 489293"/>
                <a:gd name="connsiteX6" fmla="*/ 1877883 w 1877883"/>
                <a:gd name="connsiteY6" fmla="*/ 0 h 489293"/>
                <a:gd name="connsiteX7" fmla="*/ 1477455 w 1877883"/>
                <a:gd name="connsiteY7" fmla="*/ 388021 h 489293"/>
                <a:gd name="connsiteX8" fmla="*/ 1472664 w 1877883"/>
                <a:gd name="connsiteY8" fmla="*/ 489293 h 489293"/>
                <a:gd name="connsiteX9" fmla="*/ 1353028 w 1877883"/>
                <a:gd name="connsiteY9" fmla="*/ 489293 h 489293"/>
                <a:gd name="connsiteX10" fmla="*/ 1241927 w 1877883"/>
                <a:gd name="connsiteY10" fmla="*/ 489293 h 489293"/>
                <a:gd name="connsiteX11" fmla="*/ 0 w 1877883"/>
                <a:gd name="connsiteY11" fmla="*/ 489293 h 489293"/>
                <a:gd name="connsiteX12" fmla="*/ 0 w 1877883"/>
                <a:gd name="connsiteY12" fmla="*/ 451988 h 489293"/>
                <a:gd name="connsiteX13" fmla="*/ 0 w 1877883"/>
                <a:gd name="connsiteY13" fmla="*/ 396029 h 489293"/>
                <a:gd name="connsiteX14" fmla="*/ 0 w 1877883"/>
                <a:gd name="connsiteY14" fmla="*/ 396029 h 489293"/>
                <a:gd name="connsiteX15" fmla="*/ 0 w 1877883"/>
                <a:gd name="connsiteY15" fmla="*/ 265460 h 489293"/>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394429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892699"/>
                <a:gd name="connsiteY0" fmla="*/ 271868 h 495701"/>
                <a:gd name="connsiteX1" fmla="*/ 245444 w 1892699"/>
                <a:gd name="connsiteY1" fmla="*/ 271868 h 495701"/>
                <a:gd name="connsiteX2" fmla="*/ 245444 w 1892699"/>
                <a:gd name="connsiteY2" fmla="*/ 271868 h 495701"/>
                <a:gd name="connsiteX3" fmla="*/ 613610 w 1892699"/>
                <a:gd name="connsiteY3" fmla="*/ 271868 h 495701"/>
                <a:gd name="connsiteX4" fmla="*/ 1472664 w 1892699"/>
                <a:gd name="connsiteY4" fmla="*/ 271868 h 495701"/>
                <a:gd name="connsiteX5" fmla="*/ 1472663 w 1892699"/>
                <a:gd name="connsiteY5" fmla="*/ 340929 h 495701"/>
                <a:gd name="connsiteX6" fmla="*/ 1892699 w 1892699"/>
                <a:gd name="connsiteY6" fmla="*/ 0 h 495701"/>
                <a:gd name="connsiteX7" fmla="*/ 1477455 w 1892699"/>
                <a:gd name="connsiteY7" fmla="*/ 413652 h 495701"/>
                <a:gd name="connsiteX8" fmla="*/ 1472664 w 1892699"/>
                <a:gd name="connsiteY8" fmla="*/ 495701 h 495701"/>
                <a:gd name="connsiteX9" fmla="*/ 1353028 w 1892699"/>
                <a:gd name="connsiteY9" fmla="*/ 495701 h 495701"/>
                <a:gd name="connsiteX10" fmla="*/ 1241927 w 1892699"/>
                <a:gd name="connsiteY10" fmla="*/ 495701 h 495701"/>
                <a:gd name="connsiteX11" fmla="*/ 0 w 1892699"/>
                <a:gd name="connsiteY11" fmla="*/ 495701 h 495701"/>
                <a:gd name="connsiteX12" fmla="*/ 0 w 1892699"/>
                <a:gd name="connsiteY12" fmla="*/ 458396 h 495701"/>
                <a:gd name="connsiteX13" fmla="*/ 0 w 1892699"/>
                <a:gd name="connsiteY13" fmla="*/ 402437 h 495701"/>
                <a:gd name="connsiteX14" fmla="*/ 0 w 1892699"/>
                <a:gd name="connsiteY14" fmla="*/ 402437 h 495701"/>
                <a:gd name="connsiteX15" fmla="*/ 0 w 1892699"/>
                <a:gd name="connsiteY15" fmla="*/ 271868 h 495701"/>
                <a:gd name="connsiteX0" fmla="*/ 0 w 1477455"/>
                <a:gd name="connsiteY0" fmla="*/ 281448 h 505281"/>
                <a:gd name="connsiteX1" fmla="*/ 245444 w 1477455"/>
                <a:gd name="connsiteY1" fmla="*/ 281448 h 505281"/>
                <a:gd name="connsiteX2" fmla="*/ 245444 w 1477455"/>
                <a:gd name="connsiteY2" fmla="*/ 281448 h 505281"/>
                <a:gd name="connsiteX3" fmla="*/ 613610 w 1477455"/>
                <a:gd name="connsiteY3" fmla="*/ 281448 h 505281"/>
                <a:gd name="connsiteX4" fmla="*/ 1472664 w 1477455"/>
                <a:gd name="connsiteY4" fmla="*/ 281448 h 505281"/>
                <a:gd name="connsiteX5" fmla="*/ 1472663 w 1477455"/>
                <a:gd name="connsiteY5" fmla="*/ 350509 h 505281"/>
                <a:gd name="connsiteX6" fmla="*/ 859021 w 1477455"/>
                <a:gd name="connsiteY6" fmla="*/ 0 h 505281"/>
                <a:gd name="connsiteX7" fmla="*/ 1477455 w 1477455"/>
                <a:gd name="connsiteY7" fmla="*/ 423232 h 505281"/>
                <a:gd name="connsiteX8" fmla="*/ 1472664 w 1477455"/>
                <a:gd name="connsiteY8" fmla="*/ 505281 h 505281"/>
                <a:gd name="connsiteX9" fmla="*/ 1353028 w 1477455"/>
                <a:gd name="connsiteY9" fmla="*/ 505281 h 505281"/>
                <a:gd name="connsiteX10" fmla="*/ 1241927 w 1477455"/>
                <a:gd name="connsiteY10" fmla="*/ 505281 h 505281"/>
                <a:gd name="connsiteX11" fmla="*/ 0 w 1477455"/>
                <a:gd name="connsiteY11" fmla="*/ 505281 h 505281"/>
                <a:gd name="connsiteX12" fmla="*/ 0 w 1477455"/>
                <a:gd name="connsiteY12" fmla="*/ 467976 h 505281"/>
                <a:gd name="connsiteX13" fmla="*/ 0 w 1477455"/>
                <a:gd name="connsiteY13" fmla="*/ 412017 h 505281"/>
                <a:gd name="connsiteX14" fmla="*/ 0 w 1477455"/>
                <a:gd name="connsiteY14" fmla="*/ 412017 h 505281"/>
                <a:gd name="connsiteX15" fmla="*/ 0 w 1477455"/>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350509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423232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472663 w 2650204"/>
                <a:gd name="connsiteY5" fmla="*/ 288241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472664 w 2650204"/>
                <a:gd name="connsiteY4" fmla="*/ 281448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40100 w 2650204"/>
                <a:gd name="connsiteY5" fmla="*/ 170410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2650204"/>
                <a:gd name="connsiteY0" fmla="*/ 281448 h 505281"/>
                <a:gd name="connsiteX1" fmla="*/ 245444 w 2650204"/>
                <a:gd name="connsiteY1" fmla="*/ 281448 h 505281"/>
                <a:gd name="connsiteX2" fmla="*/ 245444 w 2650204"/>
                <a:gd name="connsiteY2" fmla="*/ 281448 h 505281"/>
                <a:gd name="connsiteX3" fmla="*/ 613610 w 2650204"/>
                <a:gd name="connsiteY3" fmla="*/ 281448 h 505281"/>
                <a:gd name="connsiteX4" fmla="*/ 1349570 w 2650204"/>
                <a:gd name="connsiteY4" fmla="*/ 278574 h 505281"/>
                <a:gd name="connsiteX5" fmla="*/ 1354303 w 2650204"/>
                <a:gd name="connsiteY5" fmla="*/ 12344 h 505281"/>
                <a:gd name="connsiteX6" fmla="*/ 2650204 w 2650204"/>
                <a:gd name="connsiteY6" fmla="*/ 0 h 505281"/>
                <a:gd name="connsiteX7" fmla="*/ 1477455 w 2650204"/>
                <a:gd name="connsiteY7" fmla="*/ 337015 h 505281"/>
                <a:gd name="connsiteX8" fmla="*/ 1472664 w 2650204"/>
                <a:gd name="connsiteY8" fmla="*/ 505281 h 505281"/>
                <a:gd name="connsiteX9" fmla="*/ 1353028 w 2650204"/>
                <a:gd name="connsiteY9" fmla="*/ 505281 h 505281"/>
                <a:gd name="connsiteX10" fmla="*/ 1241927 w 2650204"/>
                <a:gd name="connsiteY10" fmla="*/ 505281 h 505281"/>
                <a:gd name="connsiteX11" fmla="*/ 0 w 2650204"/>
                <a:gd name="connsiteY11" fmla="*/ 505281 h 505281"/>
                <a:gd name="connsiteX12" fmla="*/ 0 w 2650204"/>
                <a:gd name="connsiteY12" fmla="*/ 467976 h 505281"/>
                <a:gd name="connsiteX13" fmla="*/ 0 w 2650204"/>
                <a:gd name="connsiteY13" fmla="*/ 412017 h 505281"/>
                <a:gd name="connsiteX14" fmla="*/ 0 w 2650204"/>
                <a:gd name="connsiteY14" fmla="*/ 412017 h 505281"/>
                <a:gd name="connsiteX15" fmla="*/ 0 w 2650204"/>
                <a:gd name="connsiteY15" fmla="*/ 281448 h 505281"/>
                <a:gd name="connsiteX0" fmla="*/ 0 w 1477455"/>
                <a:gd name="connsiteY0" fmla="*/ 270318 h 494151"/>
                <a:gd name="connsiteX1" fmla="*/ 245444 w 1477455"/>
                <a:gd name="connsiteY1" fmla="*/ 270318 h 494151"/>
                <a:gd name="connsiteX2" fmla="*/ 245444 w 1477455"/>
                <a:gd name="connsiteY2" fmla="*/ 270318 h 494151"/>
                <a:gd name="connsiteX3" fmla="*/ 613610 w 1477455"/>
                <a:gd name="connsiteY3" fmla="*/ 270318 h 494151"/>
                <a:gd name="connsiteX4" fmla="*/ 1349570 w 1477455"/>
                <a:gd name="connsiteY4" fmla="*/ 267444 h 494151"/>
                <a:gd name="connsiteX5" fmla="*/ 1354303 w 1477455"/>
                <a:gd name="connsiteY5" fmla="*/ 1214 h 494151"/>
                <a:gd name="connsiteX6" fmla="*/ 1476072 w 1477455"/>
                <a:gd name="connsiteY6" fmla="*/ 250397 h 494151"/>
                <a:gd name="connsiteX7" fmla="*/ 1477455 w 1477455"/>
                <a:gd name="connsiteY7" fmla="*/ 325885 h 494151"/>
                <a:gd name="connsiteX8" fmla="*/ 1472664 w 1477455"/>
                <a:gd name="connsiteY8" fmla="*/ 494151 h 494151"/>
                <a:gd name="connsiteX9" fmla="*/ 1353028 w 1477455"/>
                <a:gd name="connsiteY9" fmla="*/ 494151 h 494151"/>
                <a:gd name="connsiteX10" fmla="*/ 1241927 w 1477455"/>
                <a:gd name="connsiteY10" fmla="*/ 494151 h 494151"/>
                <a:gd name="connsiteX11" fmla="*/ 0 w 1477455"/>
                <a:gd name="connsiteY11" fmla="*/ 494151 h 494151"/>
                <a:gd name="connsiteX12" fmla="*/ 0 w 1477455"/>
                <a:gd name="connsiteY12" fmla="*/ 456846 h 494151"/>
                <a:gd name="connsiteX13" fmla="*/ 0 w 1477455"/>
                <a:gd name="connsiteY13" fmla="*/ 400887 h 494151"/>
                <a:gd name="connsiteX14" fmla="*/ 0 w 1477455"/>
                <a:gd name="connsiteY14" fmla="*/ 400887 h 494151"/>
                <a:gd name="connsiteX15" fmla="*/ 0 w 1477455"/>
                <a:gd name="connsiteY15" fmla="*/ 270318 h 494151"/>
                <a:gd name="connsiteX0" fmla="*/ 0 w 1477455"/>
                <a:gd name="connsiteY0" fmla="*/ 697832 h 921665"/>
                <a:gd name="connsiteX1" fmla="*/ 245444 w 1477455"/>
                <a:gd name="connsiteY1" fmla="*/ 697832 h 921665"/>
                <a:gd name="connsiteX2" fmla="*/ 245444 w 1477455"/>
                <a:gd name="connsiteY2" fmla="*/ 697832 h 921665"/>
                <a:gd name="connsiteX3" fmla="*/ 613610 w 1477455"/>
                <a:gd name="connsiteY3" fmla="*/ 697832 h 921665"/>
                <a:gd name="connsiteX4" fmla="*/ 1349570 w 1477455"/>
                <a:gd name="connsiteY4" fmla="*/ 694958 h 921665"/>
                <a:gd name="connsiteX5" fmla="*/ 876944 w 1477455"/>
                <a:gd name="connsiteY5" fmla="*/ 526 h 921665"/>
                <a:gd name="connsiteX6" fmla="*/ 1476072 w 1477455"/>
                <a:gd name="connsiteY6" fmla="*/ 677911 h 921665"/>
                <a:gd name="connsiteX7" fmla="*/ 1477455 w 1477455"/>
                <a:gd name="connsiteY7" fmla="*/ 753399 h 921665"/>
                <a:gd name="connsiteX8" fmla="*/ 1472664 w 1477455"/>
                <a:gd name="connsiteY8" fmla="*/ 921665 h 921665"/>
                <a:gd name="connsiteX9" fmla="*/ 1353028 w 1477455"/>
                <a:gd name="connsiteY9" fmla="*/ 921665 h 921665"/>
                <a:gd name="connsiteX10" fmla="*/ 1241927 w 1477455"/>
                <a:gd name="connsiteY10" fmla="*/ 921665 h 921665"/>
                <a:gd name="connsiteX11" fmla="*/ 0 w 1477455"/>
                <a:gd name="connsiteY11" fmla="*/ 921665 h 921665"/>
                <a:gd name="connsiteX12" fmla="*/ 0 w 1477455"/>
                <a:gd name="connsiteY12" fmla="*/ 884360 h 921665"/>
                <a:gd name="connsiteX13" fmla="*/ 0 w 1477455"/>
                <a:gd name="connsiteY13" fmla="*/ 828401 h 921665"/>
                <a:gd name="connsiteX14" fmla="*/ 0 w 1477455"/>
                <a:gd name="connsiteY14" fmla="*/ 828401 h 921665"/>
                <a:gd name="connsiteX15" fmla="*/ 0 w 1477455"/>
                <a:gd name="connsiteY15" fmla="*/ 697832 h 9216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477455" h="921665">
                  <a:moveTo>
                    <a:pt x="0" y="697832"/>
                  </a:moveTo>
                  <a:lnTo>
                    <a:pt x="245444" y="697832"/>
                  </a:lnTo>
                  <a:lnTo>
                    <a:pt x="245444" y="697832"/>
                  </a:lnTo>
                  <a:lnTo>
                    <a:pt x="613610" y="697832"/>
                  </a:lnTo>
                  <a:lnTo>
                    <a:pt x="1349570" y="694958"/>
                  </a:lnTo>
                  <a:cubicBezTo>
                    <a:pt x="1349570" y="717978"/>
                    <a:pt x="876944" y="-22494"/>
                    <a:pt x="876944" y="526"/>
                  </a:cubicBezTo>
                  <a:lnTo>
                    <a:pt x="1476072" y="677911"/>
                  </a:lnTo>
                  <a:lnTo>
                    <a:pt x="1477455" y="753399"/>
                  </a:lnTo>
                  <a:lnTo>
                    <a:pt x="1472664" y="921665"/>
                  </a:lnTo>
                  <a:lnTo>
                    <a:pt x="1353028" y="921665"/>
                  </a:lnTo>
                  <a:lnTo>
                    <a:pt x="1241927" y="921665"/>
                  </a:lnTo>
                  <a:lnTo>
                    <a:pt x="0" y="921665"/>
                  </a:lnTo>
                  <a:lnTo>
                    <a:pt x="0" y="884360"/>
                  </a:lnTo>
                  <a:lnTo>
                    <a:pt x="0" y="828401"/>
                  </a:lnTo>
                  <a:lnTo>
                    <a:pt x="0" y="828401"/>
                  </a:lnTo>
                  <a:lnTo>
                    <a:pt x="0" y="697832"/>
                  </a:lnTo>
                  <a:close/>
                </a:path>
              </a:pathLst>
            </a:custGeom>
            <a:solidFill>
              <a:srgbClr val="FFFF00"/>
            </a:solidFill>
            <a:ln>
              <a:solidFill>
                <a:schemeClr val="bg1">
                  <a:lumMod val="75000"/>
                </a:schemeClr>
              </a:solidFill>
            </a:ln>
            <a:effectLst>
              <a:outerShdw blurRad="50800" dist="88900" dir="2700000" algn="tl" rotWithShape="0">
                <a:prstClr val="black">
                  <a:alpha val="80000"/>
                </a:prstClr>
              </a:outerShdw>
            </a:effectLst>
            <a:scene3d>
              <a:camera prst="orthographicFront"/>
              <a:lightRig rig="threePt" dir="t"/>
            </a:scene3d>
            <a:sp3d>
              <a:bevelT w="25400" prst="angle"/>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b="1" spc="600" dirty="0">
                <a:solidFill>
                  <a:schemeClr val="tx1"/>
                </a:solidFill>
                <a:latin typeface="メイリオ" panose="020B0604030504040204" pitchFamily="50" charset="-128"/>
                <a:ea typeface="メイリオ" panose="020B0604030504040204" pitchFamily="50" charset="-128"/>
              </a:endParaRPr>
            </a:p>
          </p:txBody>
        </p:sp>
        <p:sp>
          <p:nvSpPr>
            <p:cNvPr id="40" name="正方形/長方形 39"/>
            <p:cNvSpPr/>
            <p:nvPr/>
          </p:nvSpPr>
          <p:spPr>
            <a:xfrm flipH="1">
              <a:off x="8595246" y="8969232"/>
              <a:ext cx="1419764" cy="227086"/>
            </a:xfrm>
            <a:prstGeom prst="rect">
              <a:avLst/>
            </a:prstGeom>
            <a:noFill/>
          </p:spPr>
          <p:txBody>
            <a:bodyPr wrap="square" lIns="91440" tIns="45720" rIns="91440" bIns="45720">
              <a:spAutoFit/>
            </a:bodyPr>
            <a:lstStyle/>
            <a:p>
              <a:pPr algn="ctr"/>
              <a:r>
                <a:rPr lang="ja-JP" altLang="en-US" sz="800" b="1" dirty="0" smtClean="0">
                  <a:solidFill>
                    <a:srgbClr val="002060"/>
                  </a:solidFill>
                  <a:latin typeface="メイリオ" panose="020B0604030504040204" pitchFamily="50" charset="-128"/>
                  <a:ea typeface="メイリオ" panose="020B0604030504040204" pitchFamily="50" charset="-128"/>
                </a:rPr>
                <a:t>大阪都市再生環状道路</a:t>
              </a:r>
              <a:endParaRPr lang="ja-JP" altLang="en-US" sz="800" b="1" dirty="0">
                <a:solidFill>
                  <a:srgbClr val="002060"/>
                </a:solidFill>
                <a:latin typeface="メイリオ" panose="020B0604030504040204" pitchFamily="50" charset="-128"/>
                <a:ea typeface="メイリオ" panose="020B0604030504040204" pitchFamily="50" charset="-128"/>
              </a:endParaRPr>
            </a:p>
          </p:txBody>
        </p:sp>
        <p:sp>
          <p:nvSpPr>
            <p:cNvPr id="41" name="フリーフォーム 40"/>
            <p:cNvSpPr/>
            <p:nvPr/>
          </p:nvSpPr>
          <p:spPr>
            <a:xfrm>
              <a:off x="9697722" y="7488403"/>
              <a:ext cx="734467" cy="160635"/>
            </a:xfrm>
            <a:custGeom>
              <a:avLst/>
              <a:gdLst>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133350 h 158750"/>
                <a:gd name="connsiteX8" fmla="*/ 654050 w 679450"/>
                <a:gd name="connsiteY8" fmla="*/ 57150 h 158750"/>
                <a:gd name="connsiteX9" fmla="*/ 679450 w 679450"/>
                <a:gd name="connsiteY9" fmla="*/ 44450 h 158750"/>
                <a:gd name="connsiteX0" fmla="*/ 0 w 679450"/>
                <a:gd name="connsiteY0" fmla="*/ 19050 h 158750"/>
                <a:gd name="connsiteX1" fmla="*/ 69850 w 679450"/>
                <a:gd name="connsiteY1" fmla="*/ 0 h 158750"/>
                <a:gd name="connsiteX2" fmla="*/ 146050 w 679450"/>
                <a:gd name="connsiteY2" fmla="*/ 19050 h 158750"/>
                <a:gd name="connsiteX3" fmla="*/ 196850 w 679450"/>
                <a:gd name="connsiteY3" fmla="*/ 63500 h 158750"/>
                <a:gd name="connsiteX4" fmla="*/ 355600 w 679450"/>
                <a:gd name="connsiteY4" fmla="*/ 152400 h 158750"/>
                <a:gd name="connsiteX5" fmla="*/ 431800 w 679450"/>
                <a:gd name="connsiteY5" fmla="*/ 158750 h 158750"/>
                <a:gd name="connsiteX6" fmla="*/ 508000 w 679450"/>
                <a:gd name="connsiteY6" fmla="*/ 146050 h 158750"/>
                <a:gd name="connsiteX7" fmla="*/ 571500 w 679450"/>
                <a:gd name="connsiteY7" fmla="*/ 95250 h 158750"/>
                <a:gd name="connsiteX8" fmla="*/ 654050 w 679450"/>
                <a:gd name="connsiteY8" fmla="*/ 57150 h 158750"/>
                <a:gd name="connsiteX9" fmla="*/ 679450 w 679450"/>
                <a:gd name="connsiteY9" fmla="*/ 44450 h 158750"/>
                <a:gd name="connsiteX0" fmla="*/ 0 w 654050"/>
                <a:gd name="connsiteY0" fmla="*/ 19050 h 158750"/>
                <a:gd name="connsiteX1" fmla="*/ 69850 w 654050"/>
                <a:gd name="connsiteY1" fmla="*/ 0 h 158750"/>
                <a:gd name="connsiteX2" fmla="*/ 146050 w 654050"/>
                <a:gd name="connsiteY2" fmla="*/ 19050 h 158750"/>
                <a:gd name="connsiteX3" fmla="*/ 196850 w 654050"/>
                <a:gd name="connsiteY3" fmla="*/ 63500 h 158750"/>
                <a:gd name="connsiteX4" fmla="*/ 355600 w 654050"/>
                <a:gd name="connsiteY4" fmla="*/ 152400 h 158750"/>
                <a:gd name="connsiteX5" fmla="*/ 431800 w 654050"/>
                <a:gd name="connsiteY5" fmla="*/ 158750 h 158750"/>
                <a:gd name="connsiteX6" fmla="*/ 508000 w 654050"/>
                <a:gd name="connsiteY6" fmla="*/ 146050 h 158750"/>
                <a:gd name="connsiteX7" fmla="*/ 571500 w 654050"/>
                <a:gd name="connsiteY7" fmla="*/ 95250 h 158750"/>
                <a:gd name="connsiteX8" fmla="*/ 654050 w 654050"/>
                <a:gd name="connsiteY8" fmla="*/ 57150 h 158750"/>
                <a:gd name="connsiteX0" fmla="*/ 0 w 768350"/>
                <a:gd name="connsiteY0" fmla="*/ 44450 h 184150"/>
                <a:gd name="connsiteX1" fmla="*/ 69850 w 768350"/>
                <a:gd name="connsiteY1" fmla="*/ 25400 h 184150"/>
                <a:gd name="connsiteX2" fmla="*/ 146050 w 768350"/>
                <a:gd name="connsiteY2" fmla="*/ 44450 h 184150"/>
                <a:gd name="connsiteX3" fmla="*/ 196850 w 768350"/>
                <a:gd name="connsiteY3" fmla="*/ 88900 h 184150"/>
                <a:gd name="connsiteX4" fmla="*/ 355600 w 768350"/>
                <a:gd name="connsiteY4" fmla="*/ 177800 h 184150"/>
                <a:gd name="connsiteX5" fmla="*/ 431800 w 768350"/>
                <a:gd name="connsiteY5" fmla="*/ 184150 h 184150"/>
                <a:gd name="connsiteX6" fmla="*/ 508000 w 768350"/>
                <a:gd name="connsiteY6" fmla="*/ 171450 h 184150"/>
                <a:gd name="connsiteX7" fmla="*/ 571500 w 768350"/>
                <a:gd name="connsiteY7" fmla="*/ 120650 h 184150"/>
                <a:gd name="connsiteX8" fmla="*/ 768350 w 768350"/>
                <a:gd name="connsiteY8" fmla="*/ 0 h 184150"/>
                <a:gd name="connsiteX0" fmla="*/ 0 w 641350"/>
                <a:gd name="connsiteY0" fmla="*/ 19050 h 165100"/>
                <a:gd name="connsiteX1" fmla="*/ 69850 w 641350"/>
                <a:gd name="connsiteY1" fmla="*/ 0 h 165100"/>
                <a:gd name="connsiteX2" fmla="*/ 146050 w 641350"/>
                <a:gd name="connsiteY2" fmla="*/ 19050 h 165100"/>
                <a:gd name="connsiteX3" fmla="*/ 196850 w 641350"/>
                <a:gd name="connsiteY3" fmla="*/ 63500 h 165100"/>
                <a:gd name="connsiteX4" fmla="*/ 355600 w 641350"/>
                <a:gd name="connsiteY4" fmla="*/ 152400 h 165100"/>
                <a:gd name="connsiteX5" fmla="*/ 431800 w 641350"/>
                <a:gd name="connsiteY5" fmla="*/ 158750 h 165100"/>
                <a:gd name="connsiteX6" fmla="*/ 508000 w 641350"/>
                <a:gd name="connsiteY6" fmla="*/ 146050 h 165100"/>
                <a:gd name="connsiteX7" fmla="*/ 571500 w 641350"/>
                <a:gd name="connsiteY7" fmla="*/ 95250 h 165100"/>
                <a:gd name="connsiteX8" fmla="*/ 641350 w 641350"/>
                <a:gd name="connsiteY8" fmla="*/ 165100 h 16510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1500 w 647700"/>
                <a:gd name="connsiteY7" fmla="*/ 9525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46050 h 158750"/>
                <a:gd name="connsiteX7" fmla="*/ 577850 w 647700"/>
                <a:gd name="connsiteY7" fmla="*/ 114300 h 158750"/>
                <a:gd name="connsiteX8" fmla="*/ 647700 w 647700"/>
                <a:gd name="connsiteY8" fmla="*/ 50800 h 158750"/>
                <a:gd name="connsiteX0" fmla="*/ 0 w 647700"/>
                <a:gd name="connsiteY0" fmla="*/ 19050 h 158750"/>
                <a:gd name="connsiteX1" fmla="*/ 69850 w 647700"/>
                <a:gd name="connsiteY1" fmla="*/ 0 h 158750"/>
                <a:gd name="connsiteX2" fmla="*/ 146050 w 647700"/>
                <a:gd name="connsiteY2" fmla="*/ 19050 h 158750"/>
                <a:gd name="connsiteX3" fmla="*/ 196850 w 647700"/>
                <a:gd name="connsiteY3" fmla="*/ 63500 h 158750"/>
                <a:gd name="connsiteX4" fmla="*/ 355600 w 647700"/>
                <a:gd name="connsiteY4" fmla="*/ 152400 h 158750"/>
                <a:gd name="connsiteX5" fmla="*/ 431800 w 647700"/>
                <a:gd name="connsiteY5" fmla="*/ 158750 h 158750"/>
                <a:gd name="connsiteX6" fmla="*/ 508000 w 647700"/>
                <a:gd name="connsiteY6" fmla="*/ 139700 h 158750"/>
                <a:gd name="connsiteX7" fmla="*/ 577850 w 647700"/>
                <a:gd name="connsiteY7" fmla="*/ 114300 h 158750"/>
                <a:gd name="connsiteX8" fmla="*/ 647700 w 647700"/>
                <a:gd name="connsiteY8" fmla="*/ 50800 h 1587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5560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47700"/>
                <a:gd name="connsiteY0" fmla="*/ 19050 h 146050"/>
                <a:gd name="connsiteX1" fmla="*/ 69850 w 647700"/>
                <a:gd name="connsiteY1" fmla="*/ 0 h 146050"/>
                <a:gd name="connsiteX2" fmla="*/ 146050 w 647700"/>
                <a:gd name="connsiteY2" fmla="*/ 19050 h 146050"/>
                <a:gd name="connsiteX3" fmla="*/ 196850 w 647700"/>
                <a:gd name="connsiteY3" fmla="*/ 63500 h 146050"/>
                <a:gd name="connsiteX4" fmla="*/ 342900 w 647700"/>
                <a:gd name="connsiteY4" fmla="*/ 139700 h 146050"/>
                <a:gd name="connsiteX5" fmla="*/ 425450 w 647700"/>
                <a:gd name="connsiteY5" fmla="*/ 146050 h 146050"/>
                <a:gd name="connsiteX6" fmla="*/ 508000 w 647700"/>
                <a:gd name="connsiteY6" fmla="*/ 139700 h 146050"/>
                <a:gd name="connsiteX7" fmla="*/ 577850 w 647700"/>
                <a:gd name="connsiteY7" fmla="*/ 114300 h 146050"/>
                <a:gd name="connsiteX8" fmla="*/ 647700 w 647700"/>
                <a:gd name="connsiteY8" fmla="*/ 50800 h 146050"/>
                <a:gd name="connsiteX0" fmla="*/ 0 w 647700"/>
                <a:gd name="connsiteY0" fmla="*/ 19050 h 152400"/>
                <a:gd name="connsiteX1" fmla="*/ 69850 w 647700"/>
                <a:gd name="connsiteY1" fmla="*/ 0 h 152400"/>
                <a:gd name="connsiteX2" fmla="*/ 146050 w 647700"/>
                <a:gd name="connsiteY2" fmla="*/ 19050 h 152400"/>
                <a:gd name="connsiteX3" fmla="*/ 196850 w 647700"/>
                <a:gd name="connsiteY3" fmla="*/ 63500 h 152400"/>
                <a:gd name="connsiteX4" fmla="*/ 336550 w 647700"/>
                <a:gd name="connsiteY4" fmla="*/ 152400 h 152400"/>
                <a:gd name="connsiteX5" fmla="*/ 425450 w 647700"/>
                <a:gd name="connsiteY5" fmla="*/ 146050 h 152400"/>
                <a:gd name="connsiteX6" fmla="*/ 508000 w 647700"/>
                <a:gd name="connsiteY6" fmla="*/ 139700 h 152400"/>
                <a:gd name="connsiteX7" fmla="*/ 577850 w 647700"/>
                <a:gd name="connsiteY7" fmla="*/ 114300 h 152400"/>
                <a:gd name="connsiteX8" fmla="*/ 647700 w 647700"/>
                <a:gd name="connsiteY8" fmla="*/ 50800 h 152400"/>
                <a:gd name="connsiteX0" fmla="*/ 0 w 673100"/>
                <a:gd name="connsiteY0" fmla="*/ 19050 h 152400"/>
                <a:gd name="connsiteX1" fmla="*/ 69850 w 673100"/>
                <a:gd name="connsiteY1" fmla="*/ 0 h 152400"/>
                <a:gd name="connsiteX2" fmla="*/ 146050 w 673100"/>
                <a:gd name="connsiteY2" fmla="*/ 19050 h 152400"/>
                <a:gd name="connsiteX3" fmla="*/ 196850 w 673100"/>
                <a:gd name="connsiteY3" fmla="*/ 63500 h 152400"/>
                <a:gd name="connsiteX4" fmla="*/ 336550 w 673100"/>
                <a:gd name="connsiteY4" fmla="*/ 152400 h 152400"/>
                <a:gd name="connsiteX5" fmla="*/ 425450 w 673100"/>
                <a:gd name="connsiteY5" fmla="*/ 146050 h 152400"/>
                <a:gd name="connsiteX6" fmla="*/ 508000 w 673100"/>
                <a:gd name="connsiteY6" fmla="*/ 139700 h 152400"/>
                <a:gd name="connsiteX7" fmla="*/ 577850 w 673100"/>
                <a:gd name="connsiteY7" fmla="*/ 114300 h 152400"/>
                <a:gd name="connsiteX8" fmla="*/ 673100 w 673100"/>
                <a:gd name="connsiteY8" fmla="*/ 38100 h 1524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3100" h="152400">
                  <a:moveTo>
                    <a:pt x="0" y="19050"/>
                  </a:moveTo>
                  <a:lnTo>
                    <a:pt x="69850" y="0"/>
                  </a:lnTo>
                  <a:lnTo>
                    <a:pt x="146050" y="19050"/>
                  </a:lnTo>
                  <a:lnTo>
                    <a:pt x="196850" y="63500"/>
                  </a:lnTo>
                  <a:lnTo>
                    <a:pt x="336550" y="152400"/>
                  </a:lnTo>
                  <a:lnTo>
                    <a:pt x="425450" y="146050"/>
                  </a:lnTo>
                  <a:lnTo>
                    <a:pt x="508000" y="139700"/>
                  </a:lnTo>
                  <a:lnTo>
                    <a:pt x="577850" y="114300"/>
                  </a:lnTo>
                  <a:lnTo>
                    <a:pt x="673100" y="38100"/>
                  </a:lnTo>
                </a:path>
              </a:pathLst>
            </a:custGeom>
            <a:noFill/>
            <a:ln w="53975">
              <a:solidFill>
                <a:srgbClr val="F0B66A"/>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2" name="グループ化 41"/>
            <p:cNvGrpSpPr/>
            <p:nvPr/>
          </p:nvGrpSpPr>
          <p:grpSpPr>
            <a:xfrm>
              <a:off x="9039362" y="7485015"/>
              <a:ext cx="1475885" cy="1274426"/>
              <a:chOff x="10996500" y="4728721"/>
              <a:chExt cx="1522428" cy="1427485"/>
            </a:xfrm>
          </p:grpSpPr>
          <p:sp>
            <p:nvSpPr>
              <p:cNvPr id="65" name="フリーフォーム 64"/>
              <p:cNvSpPr/>
              <p:nvPr/>
            </p:nvSpPr>
            <p:spPr>
              <a:xfrm>
                <a:off x="12282575" y="5587090"/>
                <a:ext cx="202326" cy="515954"/>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5874 h 1285874"/>
                  <a:gd name="connsiteX1" fmla="*/ 22225 w 228600"/>
                  <a:gd name="connsiteY1" fmla="*/ 1206499 h 1285874"/>
                  <a:gd name="connsiteX2" fmla="*/ 0 w 228600"/>
                  <a:gd name="connsiteY2" fmla="*/ 1133474 h 1285874"/>
                  <a:gd name="connsiteX3" fmla="*/ 15875 w 228600"/>
                  <a:gd name="connsiteY3" fmla="*/ 1041399 h 1285874"/>
                  <a:gd name="connsiteX4" fmla="*/ 22225 w 228600"/>
                  <a:gd name="connsiteY4" fmla="*/ 977899 h 1285874"/>
                  <a:gd name="connsiteX5" fmla="*/ 34925 w 228600"/>
                  <a:gd name="connsiteY5" fmla="*/ 917574 h 1285874"/>
                  <a:gd name="connsiteX6" fmla="*/ 63500 w 228600"/>
                  <a:gd name="connsiteY6" fmla="*/ 866774 h 1285874"/>
                  <a:gd name="connsiteX7" fmla="*/ 92075 w 228600"/>
                  <a:gd name="connsiteY7" fmla="*/ 844549 h 1285874"/>
                  <a:gd name="connsiteX8" fmla="*/ 146050 w 228600"/>
                  <a:gd name="connsiteY8" fmla="*/ 819149 h 1285874"/>
                  <a:gd name="connsiteX9" fmla="*/ 168275 w 228600"/>
                  <a:gd name="connsiteY9" fmla="*/ 784224 h 1285874"/>
                  <a:gd name="connsiteX10" fmla="*/ 228600 w 228600"/>
                  <a:gd name="connsiteY10" fmla="*/ 603249 h 1285874"/>
                  <a:gd name="connsiteX11" fmla="*/ 225425 w 228600"/>
                  <a:gd name="connsiteY11" fmla="*/ 492124 h 1285874"/>
                  <a:gd name="connsiteX12" fmla="*/ 219075 w 228600"/>
                  <a:gd name="connsiteY12" fmla="*/ 428624 h 1285874"/>
                  <a:gd name="connsiteX13" fmla="*/ 206375 w 228600"/>
                  <a:gd name="connsiteY13" fmla="*/ 355599 h 1285874"/>
                  <a:gd name="connsiteX14" fmla="*/ 177800 w 228600"/>
                  <a:gd name="connsiteY14" fmla="*/ 206374 h 1285874"/>
                  <a:gd name="connsiteX15" fmla="*/ 171450 w 228600"/>
                  <a:gd name="connsiteY15" fmla="*/ 139699 h 1285874"/>
                  <a:gd name="connsiteX16" fmla="*/ 161925 w 228600"/>
                  <a:gd name="connsiteY16" fmla="*/ 63499 h 1285874"/>
                  <a:gd name="connsiteX17" fmla="*/ 165100 w 228600"/>
                  <a:gd name="connsiteY17" fmla="*/ 0 h 1285874"/>
                  <a:gd name="connsiteX0" fmla="*/ 22225 w 228600"/>
                  <a:gd name="connsiteY0" fmla="*/ 1222375 h 1222375"/>
                  <a:gd name="connsiteX1" fmla="*/ 22225 w 228600"/>
                  <a:gd name="connsiteY1" fmla="*/ 1143000 h 1222375"/>
                  <a:gd name="connsiteX2" fmla="*/ 0 w 228600"/>
                  <a:gd name="connsiteY2" fmla="*/ 1069975 h 1222375"/>
                  <a:gd name="connsiteX3" fmla="*/ 15875 w 228600"/>
                  <a:gd name="connsiteY3" fmla="*/ 977900 h 1222375"/>
                  <a:gd name="connsiteX4" fmla="*/ 22225 w 228600"/>
                  <a:gd name="connsiteY4" fmla="*/ 914400 h 1222375"/>
                  <a:gd name="connsiteX5" fmla="*/ 34925 w 228600"/>
                  <a:gd name="connsiteY5" fmla="*/ 854075 h 1222375"/>
                  <a:gd name="connsiteX6" fmla="*/ 63500 w 228600"/>
                  <a:gd name="connsiteY6" fmla="*/ 803275 h 1222375"/>
                  <a:gd name="connsiteX7" fmla="*/ 92075 w 228600"/>
                  <a:gd name="connsiteY7" fmla="*/ 781050 h 1222375"/>
                  <a:gd name="connsiteX8" fmla="*/ 146050 w 228600"/>
                  <a:gd name="connsiteY8" fmla="*/ 755650 h 1222375"/>
                  <a:gd name="connsiteX9" fmla="*/ 168275 w 228600"/>
                  <a:gd name="connsiteY9" fmla="*/ 720725 h 1222375"/>
                  <a:gd name="connsiteX10" fmla="*/ 228600 w 228600"/>
                  <a:gd name="connsiteY10" fmla="*/ 539750 h 1222375"/>
                  <a:gd name="connsiteX11" fmla="*/ 225425 w 228600"/>
                  <a:gd name="connsiteY11" fmla="*/ 428625 h 1222375"/>
                  <a:gd name="connsiteX12" fmla="*/ 219075 w 228600"/>
                  <a:gd name="connsiteY12" fmla="*/ 365125 h 1222375"/>
                  <a:gd name="connsiteX13" fmla="*/ 206375 w 228600"/>
                  <a:gd name="connsiteY13" fmla="*/ 292100 h 1222375"/>
                  <a:gd name="connsiteX14" fmla="*/ 177800 w 228600"/>
                  <a:gd name="connsiteY14" fmla="*/ 142875 h 1222375"/>
                  <a:gd name="connsiteX15" fmla="*/ 171450 w 228600"/>
                  <a:gd name="connsiteY15" fmla="*/ 76200 h 1222375"/>
                  <a:gd name="connsiteX16" fmla="*/ 161925 w 228600"/>
                  <a:gd name="connsiteY16" fmla="*/ 0 h 1222375"/>
                  <a:gd name="connsiteX0" fmla="*/ 22225 w 228600"/>
                  <a:gd name="connsiteY0" fmla="*/ 1146175 h 1146175"/>
                  <a:gd name="connsiteX1" fmla="*/ 22225 w 228600"/>
                  <a:gd name="connsiteY1" fmla="*/ 1066800 h 1146175"/>
                  <a:gd name="connsiteX2" fmla="*/ 0 w 228600"/>
                  <a:gd name="connsiteY2" fmla="*/ 993775 h 1146175"/>
                  <a:gd name="connsiteX3" fmla="*/ 15875 w 228600"/>
                  <a:gd name="connsiteY3" fmla="*/ 901700 h 1146175"/>
                  <a:gd name="connsiteX4" fmla="*/ 22225 w 228600"/>
                  <a:gd name="connsiteY4" fmla="*/ 838200 h 1146175"/>
                  <a:gd name="connsiteX5" fmla="*/ 34925 w 228600"/>
                  <a:gd name="connsiteY5" fmla="*/ 777875 h 1146175"/>
                  <a:gd name="connsiteX6" fmla="*/ 63500 w 228600"/>
                  <a:gd name="connsiteY6" fmla="*/ 727075 h 1146175"/>
                  <a:gd name="connsiteX7" fmla="*/ 92075 w 228600"/>
                  <a:gd name="connsiteY7" fmla="*/ 704850 h 1146175"/>
                  <a:gd name="connsiteX8" fmla="*/ 146050 w 228600"/>
                  <a:gd name="connsiteY8" fmla="*/ 679450 h 1146175"/>
                  <a:gd name="connsiteX9" fmla="*/ 168275 w 228600"/>
                  <a:gd name="connsiteY9" fmla="*/ 644525 h 1146175"/>
                  <a:gd name="connsiteX10" fmla="*/ 228600 w 228600"/>
                  <a:gd name="connsiteY10" fmla="*/ 463550 h 1146175"/>
                  <a:gd name="connsiteX11" fmla="*/ 225425 w 228600"/>
                  <a:gd name="connsiteY11" fmla="*/ 352425 h 1146175"/>
                  <a:gd name="connsiteX12" fmla="*/ 219075 w 228600"/>
                  <a:gd name="connsiteY12" fmla="*/ 288925 h 1146175"/>
                  <a:gd name="connsiteX13" fmla="*/ 206375 w 228600"/>
                  <a:gd name="connsiteY13" fmla="*/ 215900 h 1146175"/>
                  <a:gd name="connsiteX14" fmla="*/ 177800 w 228600"/>
                  <a:gd name="connsiteY14" fmla="*/ 66675 h 1146175"/>
                  <a:gd name="connsiteX15" fmla="*/ 171450 w 228600"/>
                  <a:gd name="connsiteY15" fmla="*/ 0 h 1146175"/>
                  <a:gd name="connsiteX0" fmla="*/ 22225 w 228600"/>
                  <a:gd name="connsiteY0" fmla="*/ 1079500 h 1079500"/>
                  <a:gd name="connsiteX1" fmla="*/ 22225 w 228600"/>
                  <a:gd name="connsiteY1" fmla="*/ 1000125 h 1079500"/>
                  <a:gd name="connsiteX2" fmla="*/ 0 w 228600"/>
                  <a:gd name="connsiteY2" fmla="*/ 927100 h 1079500"/>
                  <a:gd name="connsiteX3" fmla="*/ 15875 w 228600"/>
                  <a:gd name="connsiteY3" fmla="*/ 835025 h 1079500"/>
                  <a:gd name="connsiteX4" fmla="*/ 22225 w 228600"/>
                  <a:gd name="connsiteY4" fmla="*/ 771525 h 1079500"/>
                  <a:gd name="connsiteX5" fmla="*/ 34925 w 228600"/>
                  <a:gd name="connsiteY5" fmla="*/ 711200 h 1079500"/>
                  <a:gd name="connsiteX6" fmla="*/ 63500 w 228600"/>
                  <a:gd name="connsiteY6" fmla="*/ 660400 h 1079500"/>
                  <a:gd name="connsiteX7" fmla="*/ 92075 w 228600"/>
                  <a:gd name="connsiteY7" fmla="*/ 638175 h 1079500"/>
                  <a:gd name="connsiteX8" fmla="*/ 146050 w 228600"/>
                  <a:gd name="connsiteY8" fmla="*/ 612775 h 1079500"/>
                  <a:gd name="connsiteX9" fmla="*/ 168275 w 228600"/>
                  <a:gd name="connsiteY9" fmla="*/ 577850 h 1079500"/>
                  <a:gd name="connsiteX10" fmla="*/ 228600 w 228600"/>
                  <a:gd name="connsiteY10" fmla="*/ 396875 h 1079500"/>
                  <a:gd name="connsiteX11" fmla="*/ 225425 w 228600"/>
                  <a:gd name="connsiteY11" fmla="*/ 285750 h 1079500"/>
                  <a:gd name="connsiteX12" fmla="*/ 219075 w 228600"/>
                  <a:gd name="connsiteY12" fmla="*/ 222250 h 1079500"/>
                  <a:gd name="connsiteX13" fmla="*/ 206375 w 228600"/>
                  <a:gd name="connsiteY13" fmla="*/ 149225 h 1079500"/>
                  <a:gd name="connsiteX14" fmla="*/ 177800 w 228600"/>
                  <a:gd name="connsiteY14" fmla="*/ 0 h 1079500"/>
                  <a:gd name="connsiteX0" fmla="*/ 22225 w 228600"/>
                  <a:gd name="connsiteY0" fmla="*/ 930275 h 930275"/>
                  <a:gd name="connsiteX1" fmla="*/ 22225 w 228600"/>
                  <a:gd name="connsiteY1" fmla="*/ 850900 h 930275"/>
                  <a:gd name="connsiteX2" fmla="*/ 0 w 228600"/>
                  <a:gd name="connsiteY2" fmla="*/ 777875 h 930275"/>
                  <a:gd name="connsiteX3" fmla="*/ 15875 w 228600"/>
                  <a:gd name="connsiteY3" fmla="*/ 685800 h 930275"/>
                  <a:gd name="connsiteX4" fmla="*/ 22225 w 228600"/>
                  <a:gd name="connsiteY4" fmla="*/ 622300 h 930275"/>
                  <a:gd name="connsiteX5" fmla="*/ 34925 w 228600"/>
                  <a:gd name="connsiteY5" fmla="*/ 561975 h 930275"/>
                  <a:gd name="connsiteX6" fmla="*/ 63500 w 228600"/>
                  <a:gd name="connsiteY6" fmla="*/ 511175 h 930275"/>
                  <a:gd name="connsiteX7" fmla="*/ 92075 w 228600"/>
                  <a:gd name="connsiteY7" fmla="*/ 488950 h 930275"/>
                  <a:gd name="connsiteX8" fmla="*/ 146050 w 228600"/>
                  <a:gd name="connsiteY8" fmla="*/ 463550 h 930275"/>
                  <a:gd name="connsiteX9" fmla="*/ 168275 w 228600"/>
                  <a:gd name="connsiteY9" fmla="*/ 428625 h 930275"/>
                  <a:gd name="connsiteX10" fmla="*/ 228600 w 228600"/>
                  <a:gd name="connsiteY10" fmla="*/ 247650 h 930275"/>
                  <a:gd name="connsiteX11" fmla="*/ 225425 w 228600"/>
                  <a:gd name="connsiteY11" fmla="*/ 136525 h 930275"/>
                  <a:gd name="connsiteX12" fmla="*/ 219075 w 228600"/>
                  <a:gd name="connsiteY12" fmla="*/ 73025 h 930275"/>
                  <a:gd name="connsiteX13" fmla="*/ 206375 w 228600"/>
                  <a:gd name="connsiteY13" fmla="*/ 0 h 930275"/>
                  <a:gd name="connsiteX0" fmla="*/ 22225 w 228600"/>
                  <a:gd name="connsiteY0" fmla="*/ 857250 h 857250"/>
                  <a:gd name="connsiteX1" fmla="*/ 22225 w 228600"/>
                  <a:gd name="connsiteY1" fmla="*/ 777875 h 857250"/>
                  <a:gd name="connsiteX2" fmla="*/ 0 w 228600"/>
                  <a:gd name="connsiteY2" fmla="*/ 704850 h 857250"/>
                  <a:gd name="connsiteX3" fmla="*/ 15875 w 228600"/>
                  <a:gd name="connsiteY3" fmla="*/ 612775 h 857250"/>
                  <a:gd name="connsiteX4" fmla="*/ 22225 w 228600"/>
                  <a:gd name="connsiteY4" fmla="*/ 549275 h 857250"/>
                  <a:gd name="connsiteX5" fmla="*/ 34925 w 228600"/>
                  <a:gd name="connsiteY5" fmla="*/ 488950 h 857250"/>
                  <a:gd name="connsiteX6" fmla="*/ 63500 w 228600"/>
                  <a:gd name="connsiteY6" fmla="*/ 438150 h 857250"/>
                  <a:gd name="connsiteX7" fmla="*/ 92075 w 228600"/>
                  <a:gd name="connsiteY7" fmla="*/ 415925 h 857250"/>
                  <a:gd name="connsiteX8" fmla="*/ 146050 w 228600"/>
                  <a:gd name="connsiteY8" fmla="*/ 390525 h 857250"/>
                  <a:gd name="connsiteX9" fmla="*/ 168275 w 228600"/>
                  <a:gd name="connsiteY9" fmla="*/ 355600 h 857250"/>
                  <a:gd name="connsiteX10" fmla="*/ 228600 w 228600"/>
                  <a:gd name="connsiteY10" fmla="*/ 174625 h 857250"/>
                  <a:gd name="connsiteX11" fmla="*/ 225425 w 228600"/>
                  <a:gd name="connsiteY11" fmla="*/ 63500 h 857250"/>
                  <a:gd name="connsiteX12" fmla="*/ 219075 w 228600"/>
                  <a:gd name="connsiteY12" fmla="*/ 0 h 857250"/>
                  <a:gd name="connsiteX0" fmla="*/ 22225 w 228600"/>
                  <a:gd name="connsiteY0" fmla="*/ 793750 h 793750"/>
                  <a:gd name="connsiteX1" fmla="*/ 22225 w 228600"/>
                  <a:gd name="connsiteY1" fmla="*/ 714375 h 793750"/>
                  <a:gd name="connsiteX2" fmla="*/ 0 w 228600"/>
                  <a:gd name="connsiteY2" fmla="*/ 641350 h 793750"/>
                  <a:gd name="connsiteX3" fmla="*/ 15875 w 228600"/>
                  <a:gd name="connsiteY3" fmla="*/ 549275 h 793750"/>
                  <a:gd name="connsiteX4" fmla="*/ 22225 w 228600"/>
                  <a:gd name="connsiteY4" fmla="*/ 485775 h 793750"/>
                  <a:gd name="connsiteX5" fmla="*/ 34925 w 228600"/>
                  <a:gd name="connsiteY5" fmla="*/ 425450 h 793750"/>
                  <a:gd name="connsiteX6" fmla="*/ 63500 w 228600"/>
                  <a:gd name="connsiteY6" fmla="*/ 374650 h 793750"/>
                  <a:gd name="connsiteX7" fmla="*/ 92075 w 228600"/>
                  <a:gd name="connsiteY7" fmla="*/ 352425 h 793750"/>
                  <a:gd name="connsiteX8" fmla="*/ 146050 w 228600"/>
                  <a:gd name="connsiteY8" fmla="*/ 327025 h 793750"/>
                  <a:gd name="connsiteX9" fmla="*/ 168275 w 228600"/>
                  <a:gd name="connsiteY9" fmla="*/ 292100 h 793750"/>
                  <a:gd name="connsiteX10" fmla="*/ 228600 w 228600"/>
                  <a:gd name="connsiteY10" fmla="*/ 111125 h 793750"/>
                  <a:gd name="connsiteX11" fmla="*/ 225425 w 228600"/>
                  <a:gd name="connsiteY11" fmla="*/ 0 h 793750"/>
                  <a:gd name="connsiteX0" fmla="*/ 22225 w 228600"/>
                  <a:gd name="connsiteY0" fmla="*/ 682625 h 682625"/>
                  <a:gd name="connsiteX1" fmla="*/ 22225 w 228600"/>
                  <a:gd name="connsiteY1" fmla="*/ 603250 h 682625"/>
                  <a:gd name="connsiteX2" fmla="*/ 0 w 228600"/>
                  <a:gd name="connsiteY2" fmla="*/ 530225 h 682625"/>
                  <a:gd name="connsiteX3" fmla="*/ 15875 w 228600"/>
                  <a:gd name="connsiteY3" fmla="*/ 438150 h 682625"/>
                  <a:gd name="connsiteX4" fmla="*/ 22225 w 228600"/>
                  <a:gd name="connsiteY4" fmla="*/ 374650 h 682625"/>
                  <a:gd name="connsiteX5" fmla="*/ 34925 w 228600"/>
                  <a:gd name="connsiteY5" fmla="*/ 314325 h 682625"/>
                  <a:gd name="connsiteX6" fmla="*/ 63500 w 228600"/>
                  <a:gd name="connsiteY6" fmla="*/ 263525 h 682625"/>
                  <a:gd name="connsiteX7" fmla="*/ 92075 w 228600"/>
                  <a:gd name="connsiteY7" fmla="*/ 241300 h 682625"/>
                  <a:gd name="connsiteX8" fmla="*/ 146050 w 228600"/>
                  <a:gd name="connsiteY8" fmla="*/ 215900 h 682625"/>
                  <a:gd name="connsiteX9" fmla="*/ 168275 w 228600"/>
                  <a:gd name="connsiteY9" fmla="*/ 180975 h 682625"/>
                  <a:gd name="connsiteX10" fmla="*/ 228600 w 228600"/>
                  <a:gd name="connsiteY10" fmla="*/ 0 h 682625"/>
                  <a:gd name="connsiteX0" fmla="*/ 22225 w 168275"/>
                  <a:gd name="connsiteY0" fmla="*/ 501650 h 501650"/>
                  <a:gd name="connsiteX1" fmla="*/ 22225 w 168275"/>
                  <a:gd name="connsiteY1" fmla="*/ 422275 h 501650"/>
                  <a:gd name="connsiteX2" fmla="*/ 0 w 168275"/>
                  <a:gd name="connsiteY2" fmla="*/ 349250 h 501650"/>
                  <a:gd name="connsiteX3" fmla="*/ 15875 w 168275"/>
                  <a:gd name="connsiteY3" fmla="*/ 257175 h 501650"/>
                  <a:gd name="connsiteX4" fmla="*/ 22225 w 168275"/>
                  <a:gd name="connsiteY4" fmla="*/ 193675 h 501650"/>
                  <a:gd name="connsiteX5" fmla="*/ 34925 w 168275"/>
                  <a:gd name="connsiteY5" fmla="*/ 133350 h 501650"/>
                  <a:gd name="connsiteX6" fmla="*/ 63500 w 168275"/>
                  <a:gd name="connsiteY6" fmla="*/ 82550 h 501650"/>
                  <a:gd name="connsiteX7" fmla="*/ 92075 w 168275"/>
                  <a:gd name="connsiteY7" fmla="*/ 60325 h 501650"/>
                  <a:gd name="connsiteX8" fmla="*/ 146050 w 168275"/>
                  <a:gd name="connsiteY8" fmla="*/ 34925 h 501650"/>
                  <a:gd name="connsiteX9" fmla="*/ 168275 w 168275"/>
                  <a:gd name="connsiteY9" fmla="*/ 0 h 501650"/>
                  <a:gd name="connsiteX0" fmla="*/ 22225 w 188462"/>
                  <a:gd name="connsiteY0" fmla="*/ 524514 h 524514"/>
                  <a:gd name="connsiteX1" fmla="*/ 22225 w 188462"/>
                  <a:gd name="connsiteY1" fmla="*/ 445139 h 524514"/>
                  <a:gd name="connsiteX2" fmla="*/ 0 w 188462"/>
                  <a:gd name="connsiteY2" fmla="*/ 372114 h 524514"/>
                  <a:gd name="connsiteX3" fmla="*/ 15875 w 188462"/>
                  <a:gd name="connsiteY3" fmla="*/ 280039 h 524514"/>
                  <a:gd name="connsiteX4" fmla="*/ 22225 w 188462"/>
                  <a:gd name="connsiteY4" fmla="*/ 216539 h 524514"/>
                  <a:gd name="connsiteX5" fmla="*/ 34925 w 188462"/>
                  <a:gd name="connsiteY5" fmla="*/ 156214 h 524514"/>
                  <a:gd name="connsiteX6" fmla="*/ 63500 w 188462"/>
                  <a:gd name="connsiteY6" fmla="*/ 105414 h 524514"/>
                  <a:gd name="connsiteX7" fmla="*/ 92075 w 188462"/>
                  <a:gd name="connsiteY7" fmla="*/ 83189 h 524514"/>
                  <a:gd name="connsiteX8" fmla="*/ 146050 w 188462"/>
                  <a:gd name="connsiteY8" fmla="*/ 57789 h 524514"/>
                  <a:gd name="connsiteX9" fmla="*/ 188462 w 188462"/>
                  <a:gd name="connsiteY9" fmla="*/ 0 h 524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88462" h="524514">
                    <a:moveTo>
                      <a:pt x="22225" y="524514"/>
                    </a:moveTo>
                    <a:lnTo>
                      <a:pt x="22225" y="445139"/>
                    </a:lnTo>
                    <a:lnTo>
                      <a:pt x="0" y="372114"/>
                    </a:lnTo>
                    <a:lnTo>
                      <a:pt x="15875" y="280039"/>
                    </a:lnTo>
                    <a:lnTo>
                      <a:pt x="22225" y="216539"/>
                    </a:lnTo>
                    <a:lnTo>
                      <a:pt x="34925" y="156214"/>
                    </a:lnTo>
                    <a:lnTo>
                      <a:pt x="63500" y="105414"/>
                    </a:lnTo>
                    <a:lnTo>
                      <a:pt x="92075" y="83189"/>
                    </a:lnTo>
                    <a:lnTo>
                      <a:pt x="146050" y="57789"/>
                    </a:lnTo>
                    <a:lnTo>
                      <a:pt x="188462"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フリーフォーム 65"/>
              <p:cNvSpPr/>
              <p:nvPr/>
            </p:nvSpPr>
            <p:spPr>
              <a:xfrm>
                <a:off x="11229271" y="4964012"/>
                <a:ext cx="133784" cy="171352"/>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66256 w 366256"/>
                  <a:gd name="connsiteY0" fmla="*/ 0 h 952643"/>
                  <a:gd name="connsiteX1" fmla="*/ 316586 w 366256"/>
                  <a:gd name="connsiteY1" fmla="*/ 59819 h 952643"/>
                  <a:gd name="connsiteX2" fmla="*/ 260350 w 366256"/>
                  <a:gd name="connsiteY2" fmla="*/ 75189 h 952643"/>
                  <a:gd name="connsiteX3" fmla="*/ 210303 w 366256"/>
                  <a:gd name="connsiteY3" fmla="*/ 84208 h 952643"/>
                  <a:gd name="connsiteX4" fmla="*/ 184150 w 366256"/>
                  <a:gd name="connsiteY4" fmla="*/ 144028 h 952643"/>
                  <a:gd name="connsiteX5" fmla="*/ 158750 w 366256"/>
                  <a:gd name="connsiteY5" fmla="*/ 169285 h 952643"/>
                  <a:gd name="connsiteX6" fmla="*/ 111502 w 366256"/>
                  <a:gd name="connsiteY6" fmla="*/ 202695 h 952643"/>
                  <a:gd name="connsiteX7" fmla="*/ 0 w 366256"/>
                  <a:gd name="connsiteY7" fmla="*/ 254143 h 952643"/>
                  <a:gd name="connsiteX8" fmla="*/ 53975 w 366256"/>
                  <a:gd name="connsiteY8" fmla="*/ 301768 h 952643"/>
                  <a:gd name="connsiteX9" fmla="*/ 114300 w 366256"/>
                  <a:gd name="connsiteY9" fmla="*/ 343043 h 952643"/>
                  <a:gd name="connsiteX10" fmla="*/ 155575 w 366256"/>
                  <a:gd name="connsiteY10" fmla="*/ 381143 h 952643"/>
                  <a:gd name="connsiteX11" fmla="*/ 155575 w 366256"/>
                  <a:gd name="connsiteY11" fmla="*/ 381143 h 952643"/>
                  <a:gd name="connsiteX12" fmla="*/ 174625 w 366256"/>
                  <a:gd name="connsiteY12" fmla="*/ 422418 h 952643"/>
                  <a:gd name="connsiteX13" fmla="*/ 146050 w 366256"/>
                  <a:gd name="connsiteY13" fmla="*/ 520843 h 952643"/>
                  <a:gd name="connsiteX14" fmla="*/ 111125 w 366256"/>
                  <a:gd name="connsiteY14" fmla="*/ 574818 h 952643"/>
                  <a:gd name="connsiteX15" fmla="*/ 130175 w 366256"/>
                  <a:gd name="connsiteY15" fmla="*/ 647843 h 952643"/>
                  <a:gd name="connsiteX16" fmla="*/ 98425 w 366256"/>
                  <a:gd name="connsiteY16" fmla="*/ 682768 h 952643"/>
                  <a:gd name="connsiteX17" fmla="*/ 146050 w 366256"/>
                  <a:gd name="connsiteY17" fmla="*/ 822468 h 952643"/>
                  <a:gd name="connsiteX18" fmla="*/ 206375 w 366256"/>
                  <a:gd name="connsiteY18" fmla="*/ 835168 h 952643"/>
                  <a:gd name="connsiteX19" fmla="*/ 320675 w 366256"/>
                  <a:gd name="connsiteY19" fmla="*/ 889143 h 952643"/>
                  <a:gd name="connsiteX20" fmla="*/ 365125 w 366256"/>
                  <a:gd name="connsiteY20" fmla="*/ 952643 h 952643"/>
                  <a:gd name="connsiteX0" fmla="*/ 366256 w 366256"/>
                  <a:gd name="connsiteY0" fmla="*/ 0 h 889143"/>
                  <a:gd name="connsiteX1" fmla="*/ 316586 w 366256"/>
                  <a:gd name="connsiteY1" fmla="*/ 59819 h 889143"/>
                  <a:gd name="connsiteX2" fmla="*/ 260350 w 366256"/>
                  <a:gd name="connsiteY2" fmla="*/ 75189 h 889143"/>
                  <a:gd name="connsiteX3" fmla="*/ 210303 w 366256"/>
                  <a:gd name="connsiteY3" fmla="*/ 84208 h 889143"/>
                  <a:gd name="connsiteX4" fmla="*/ 184150 w 366256"/>
                  <a:gd name="connsiteY4" fmla="*/ 144028 h 889143"/>
                  <a:gd name="connsiteX5" fmla="*/ 158750 w 366256"/>
                  <a:gd name="connsiteY5" fmla="*/ 169285 h 889143"/>
                  <a:gd name="connsiteX6" fmla="*/ 111502 w 366256"/>
                  <a:gd name="connsiteY6" fmla="*/ 202695 h 889143"/>
                  <a:gd name="connsiteX7" fmla="*/ 0 w 366256"/>
                  <a:gd name="connsiteY7" fmla="*/ 254143 h 889143"/>
                  <a:gd name="connsiteX8" fmla="*/ 53975 w 366256"/>
                  <a:gd name="connsiteY8" fmla="*/ 301768 h 889143"/>
                  <a:gd name="connsiteX9" fmla="*/ 114300 w 366256"/>
                  <a:gd name="connsiteY9" fmla="*/ 343043 h 889143"/>
                  <a:gd name="connsiteX10" fmla="*/ 155575 w 366256"/>
                  <a:gd name="connsiteY10" fmla="*/ 381143 h 889143"/>
                  <a:gd name="connsiteX11" fmla="*/ 155575 w 366256"/>
                  <a:gd name="connsiteY11" fmla="*/ 381143 h 889143"/>
                  <a:gd name="connsiteX12" fmla="*/ 174625 w 366256"/>
                  <a:gd name="connsiteY12" fmla="*/ 422418 h 889143"/>
                  <a:gd name="connsiteX13" fmla="*/ 146050 w 366256"/>
                  <a:gd name="connsiteY13" fmla="*/ 520843 h 889143"/>
                  <a:gd name="connsiteX14" fmla="*/ 111125 w 366256"/>
                  <a:gd name="connsiteY14" fmla="*/ 574818 h 889143"/>
                  <a:gd name="connsiteX15" fmla="*/ 130175 w 366256"/>
                  <a:gd name="connsiteY15" fmla="*/ 647843 h 889143"/>
                  <a:gd name="connsiteX16" fmla="*/ 98425 w 366256"/>
                  <a:gd name="connsiteY16" fmla="*/ 682768 h 889143"/>
                  <a:gd name="connsiteX17" fmla="*/ 146050 w 366256"/>
                  <a:gd name="connsiteY17" fmla="*/ 822468 h 889143"/>
                  <a:gd name="connsiteX18" fmla="*/ 206375 w 366256"/>
                  <a:gd name="connsiteY18" fmla="*/ 835168 h 889143"/>
                  <a:gd name="connsiteX19" fmla="*/ 320675 w 366256"/>
                  <a:gd name="connsiteY19" fmla="*/ 889143 h 889143"/>
                  <a:gd name="connsiteX0" fmla="*/ 366256 w 366256"/>
                  <a:gd name="connsiteY0" fmla="*/ 0 h 835169"/>
                  <a:gd name="connsiteX1" fmla="*/ 316586 w 366256"/>
                  <a:gd name="connsiteY1" fmla="*/ 59819 h 835169"/>
                  <a:gd name="connsiteX2" fmla="*/ 260350 w 366256"/>
                  <a:gd name="connsiteY2" fmla="*/ 75189 h 835169"/>
                  <a:gd name="connsiteX3" fmla="*/ 210303 w 366256"/>
                  <a:gd name="connsiteY3" fmla="*/ 84208 h 835169"/>
                  <a:gd name="connsiteX4" fmla="*/ 184150 w 366256"/>
                  <a:gd name="connsiteY4" fmla="*/ 144028 h 835169"/>
                  <a:gd name="connsiteX5" fmla="*/ 158750 w 366256"/>
                  <a:gd name="connsiteY5" fmla="*/ 169285 h 835169"/>
                  <a:gd name="connsiteX6" fmla="*/ 111502 w 366256"/>
                  <a:gd name="connsiteY6" fmla="*/ 202695 h 835169"/>
                  <a:gd name="connsiteX7" fmla="*/ 0 w 366256"/>
                  <a:gd name="connsiteY7" fmla="*/ 254143 h 835169"/>
                  <a:gd name="connsiteX8" fmla="*/ 53975 w 366256"/>
                  <a:gd name="connsiteY8" fmla="*/ 301768 h 835169"/>
                  <a:gd name="connsiteX9" fmla="*/ 114300 w 366256"/>
                  <a:gd name="connsiteY9" fmla="*/ 343043 h 835169"/>
                  <a:gd name="connsiteX10" fmla="*/ 155575 w 366256"/>
                  <a:gd name="connsiteY10" fmla="*/ 381143 h 835169"/>
                  <a:gd name="connsiteX11" fmla="*/ 155575 w 366256"/>
                  <a:gd name="connsiteY11" fmla="*/ 381143 h 835169"/>
                  <a:gd name="connsiteX12" fmla="*/ 174625 w 366256"/>
                  <a:gd name="connsiteY12" fmla="*/ 422418 h 835169"/>
                  <a:gd name="connsiteX13" fmla="*/ 146050 w 366256"/>
                  <a:gd name="connsiteY13" fmla="*/ 520843 h 835169"/>
                  <a:gd name="connsiteX14" fmla="*/ 111125 w 366256"/>
                  <a:gd name="connsiteY14" fmla="*/ 574818 h 835169"/>
                  <a:gd name="connsiteX15" fmla="*/ 130175 w 366256"/>
                  <a:gd name="connsiteY15" fmla="*/ 647843 h 835169"/>
                  <a:gd name="connsiteX16" fmla="*/ 98425 w 366256"/>
                  <a:gd name="connsiteY16" fmla="*/ 682768 h 835169"/>
                  <a:gd name="connsiteX17" fmla="*/ 146050 w 366256"/>
                  <a:gd name="connsiteY17" fmla="*/ 822468 h 835169"/>
                  <a:gd name="connsiteX18" fmla="*/ 206375 w 366256"/>
                  <a:gd name="connsiteY18" fmla="*/ 835168 h 835169"/>
                  <a:gd name="connsiteX0" fmla="*/ 366256 w 366256"/>
                  <a:gd name="connsiteY0" fmla="*/ 0 h 822468"/>
                  <a:gd name="connsiteX1" fmla="*/ 316586 w 366256"/>
                  <a:gd name="connsiteY1" fmla="*/ 59819 h 822468"/>
                  <a:gd name="connsiteX2" fmla="*/ 260350 w 366256"/>
                  <a:gd name="connsiteY2" fmla="*/ 75189 h 822468"/>
                  <a:gd name="connsiteX3" fmla="*/ 210303 w 366256"/>
                  <a:gd name="connsiteY3" fmla="*/ 84208 h 822468"/>
                  <a:gd name="connsiteX4" fmla="*/ 184150 w 366256"/>
                  <a:gd name="connsiteY4" fmla="*/ 144028 h 822468"/>
                  <a:gd name="connsiteX5" fmla="*/ 158750 w 366256"/>
                  <a:gd name="connsiteY5" fmla="*/ 169285 h 822468"/>
                  <a:gd name="connsiteX6" fmla="*/ 111502 w 366256"/>
                  <a:gd name="connsiteY6" fmla="*/ 202695 h 822468"/>
                  <a:gd name="connsiteX7" fmla="*/ 0 w 366256"/>
                  <a:gd name="connsiteY7" fmla="*/ 254143 h 822468"/>
                  <a:gd name="connsiteX8" fmla="*/ 53975 w 366256"/>
                  <a:gd name="connsiteY8" fmla="*/ 301768 h 822468"/>
                  <a:gd name="connsiteX9" fmla="*/ 114300 w 366256"/>
                  <a:gd name="connsiteY9" fmla="*/ 343043 h 822468"/>
                  <a:gd name="connsiteX10" fmla="*/ 155575 w 366256"/>
                  <a:gd name="connsiteY10" fmla="*/ 381143 h 822468"/>
                  <a:gd name="connsiteX11" fmla="*/ 155575 w 366256"/>
                  <a:gd name="connsiteY11" fmla="*/ 381143 h 822468"/>
                  <a:gd name="connsiteX12" fmla="*/ 174625 w 366256"/>
                  <a:gd name="connsiteY12" fmla="*/ 422418 h 822468"/>
                  <a:gd name="connsiteX13" fmla="*/ 146050 w 366256"/>
                  <a:gd name="connsiteY13" fmla="*/ 520843 h 822468"/>
                  <a:gd name="connsiteX14" fmla="*/ 111125 w 366256"/>
                  <a:gd name="connsiteY14" fmla="*/ 574818 h 822468"/>
                  <a:gd name="connsiteX15" fmla="*/ 130175 w 366256"/>
                  <a:gd name="connsiteY15" fmla="*/ 647843 h 822468"/>
                  <a:gd name="connsiteX16" fmla="*/ 98425 w 366256"/>
                  <a:gd name="connsiteY16" fmla="*/ 682768 h 822468"/>
                  <a:gd name="connsiteX17" fmla="*/ 146050 w 366256"/>
                  <a:gd name="connsiteY17" fmla="*/ 822468 h 822468"/>
                  <a:gd name="connsiteX0" fmla="*/ 366256 w 366256"/>
                  <a:gd name="connsiteY0" fmla="*/ 0 h 682767"/>
                  <a:gd name="connsiteX1" fmla="*/ 316586 w 366256"/>
                  <a:gd name="connsiteY1" fmla="*/ 59819 h 682767"/>
                  <a:gd name="connsiteX2" fmla="*/ 260350 w 366256"/>
                  <a:gd name="connsiteY2" fmla="*/ 75189 h 682767"/>
                  <a:gd name="connsiteX3" fmla="*/ 210303 w 366256"/>
                  <a:gd name="connsiteY3" fmla="*/ 84208 h 682767"/>
                  <a:gd name="connsiteX4" fmla="*/ 184150 w 366256"/>
                  <a:gd name="connsiteY4" fmla="*/ 144028 h 682767"/>
                  <a:gd name="connsiteX5" fmla="*/ 158750 w 366256"/>
                  <a:gd name="connsiteY5" fmla="*/ 169285 h 682767"/>
                  <a:gd name="connsiteX6" fmla="*/ 111502 w 366256"/>
                  <a:gd name="connsiteY6" fmla="*/ 202695 h 682767"/>
                  <a:gd name="connsiteX7" fmla="*/ 0 w 366256"/>
                  <a:gd name="connsiteY7" fmla="*/ 254143 h 682767"/>
                  <a:gd name="connsiteX8" fmla="*/ 53975 w 366256"/>
                  <a:gd name="connsiteY8" fmla="*/ 301768 h 682767"/>
                  <a:gd name="connsiteX9" fmla="*/ 114300 w 366256"/>
                  <a:gd name="connsiteY9" fmla="*/ 343043 h 682767"/>
                  <a:gd name="connsiteX10" fmla="*/ 155575 w 366256"/>
                  <a:gd name="connsiteY10" fmla="*/ 381143 h 682767"/>
                  <a:gd name="connsiteX11" fmla="*/ 155575 w 366256"/>
                  <a:gd name="connsiteY11" fmla="*/ 381143 h 682767"/>
                  <a:gd name="connsiteX12" fmla="*/ 174625 w 366256"/>
                  <a:gd name="connsiteY12" fmla="*/ 422418 h 682767"/>
                  <a:gd name="connsiteX13" fmla="*/ 146050 w 366256"/>
                  <a:gd name="connsiteY13" fmla="*/ 520843 h 682767"/>
                  <a:gd name="connsiteX14" fmla="*/ 111125 w 366256"/>
                  <a:gd name="connsiteY14" fmla="*/ 574818 h 682767"/>
                  <a:gd name="connsiteX15" fmla="*/ 130175 w 366256"/>
                  <a:gd name="connsiteY15" fmla="*/ 647843 h 682767"/>
                  <a:gd name="connsiteX16" fmla="*/ 98425 w 366256"/>
                  <a:gd name="connsiteY16" fmla="*/ 682768 h 682767"/>
                  <a:gd name="connsiteX0" fmla="*/ 366256 w 366256"/>
                  <a:gd name="connsiteY0" fmla="*/ 0 h 647843"/>
                  <a:gd name="connsiteX1" fmla="*/ 316586 w 366256"/>
                  <a:gd name="connsiteY1" fmla="*/ 59819 h 647843"/>
                  <a:gd name="connsiteX2" fmla="*/ 260350 w 366256"/>
                  <a:gd name="connsiteY2" fmla="*/ 75189 h 647843"/>
                  <a:gd name="connsiteX3" fmla="*/ 210303 w 366256"/>
                  <a:gd name="connsiteY3" fmla="*/ 84208 h 647843"/>
                  <a:gd name="connsiteX4" fmla="*/ 184150 w 366256"/>
                  <a:gd name="connsiteY4" fmla="*/ 144028 h 647843"/>
                  <a:gd name="connsiteX5" fmla="*/ 158750 w 366256"/>
                  <a:gd name="connsiteY5" fmla="*/ 169285 h 647843"/>
                  <a:gd name="connsiteX6" fmla="*/ 111502 w 366256"/>
                  <a:gd name="connsiteY6" fmla="*/ 202695 h 647843"/>
                  <a:gd name="connsiteX7" fmla="*/ 0 w 366256"/>
                  <a:gd name="connsiteY7" fmla="*/ 254143 h 647843"/>
                  <a:gd name="connsiteX8" fmla="*/ 53975 w 366256"/>
                  <a:gd name="connsiteY8" fmla="*/ 301768 h 647843"/>
                  <a:gd name="connsiteX9" fmla="*/ 114300 w 366256"/>
                  <a:gd name="connsiteY9" fmla="*/ 343043 h 647843"/>
                  <a:gd name="connsiteX10" fmla="*/ 155575 w 366256"/>
                  <a:gd name="connsiteY10" fmla="*/ 381143 h 647843"/>
                  <a:gd name="connsiteX11" fmla="*/ 155575 w 366256"/>
                  <a:gd name="connsiteY11" fmla="*/ 381143 h 647843"/>
                  <a:gd name="connsiteX12" fmla="*/ 174625 w 366256"/>
                  <a:gd name="connsiteY12" fmla="*/ 422418 h 647843"/>
                  <a:gd name="connsiteX13" fmla="*/ 146050 w 366256"/>
                  <a:gd name="connsiteY13" fmla="*/ 520843 h 647843"/>
                  <a:gd name="connsiteX14" fmla="*/ 111125 w 366256"/>
                  <a:gd name="connsiteY14" fmla="*/ 574818 h 647843"/>
                  <a:gd name="connsiteX15" fmla="*/ 130175 w 366256"/>
                  <a:gd name="connsiteY15" fmla="*/ 647843 h 647843"/>
                  <a:gd name="connsiteX0" fmla="*/ 366256 w 366256"/>
                  <a:gd name="connsiteY0" fmla="*/ 0 h 574818"/>
                  <a:gd name="connsiteX1" fmla="*/ 316586 w 366256"/>
                  <a:gd name="connsiteY1" fmla="*/ 59819 h 574818"/>
                  <a:gd name="connsiteX2" fmla="*/ 260350 w 366256"/>
                  <a:gd name="connsiteY2" fmla="*/ 75189 h 574818"/>
                  <a:gd name="connsiteX3" fmla="*/ 210303 w 366256"/>
                  <a:gd name="connsiteY3" fmla="*/ 84208 h 574818"/>
                  <a:gd name="connsiteX4" fmla="*/ 184150 w 366256"/>
                  <a:gd name="connsiteY4" fmla="*/ 144028 h 574818"/>
                  <a:gd name="connsiteX5" fmla="*/ 158750 w 366256"/>
                  <a:gd name="connsiteY5" fmla="*/ 169285 h 574818"/>
                  <a:gd name="connsiteX6" fmla="*/ 111502 w 366256"/>
                  <a:gd name="connsiteY6" fmla="*/ 202695 h 574818"/>
                  <a:gd name="connsiteX7" fmla="*/ 0 w 366256"/>
                  <a:gd name="connsiteY7" fmla="*/ 254143 h 574818"/>
                  <a:gd name="connsiteX8" fmla="*/ 53975 w 366256"/>
                  <a:gd name="connsiteY8" fmla="*/ 301768 h 574818"/>
                  <a:gd name="connsiteX9" fmla="*/ 114300 w 366256"/>
                  <a:gd name="connsiteY9" fmla="*/ 343043 h 574818"/>
                  <a:gd name="connsiteX10" fmla="*/ 155575 w 366256"/>
                  <a:gd name="connsiteY10" fmla="*/ 381143 h 574818"/>
                  <a:gd name="connsiteX11" fmla="*/ 155575 w 366256"/>
                  <a:gd name="connsiteY11" fmla="*/ 381143 h 574818"/>
                  <a:gd name="connsiteX12" fmla="*/ 174625 w 366256"/>
                  <a:gd name="connsiteY12" fmla="*/ 422418 h 574818"/>
                  <a:gd name="connsiteX13" fmla="*/ 146050 w 366256"/>
                  <a:gd name="connsiteY13" fmla="*/ 520843 h 574818"/>
                  <a:gd name="connsiteX14" fmla="*/ 111125 w 366256"/>
                  <a:gd name="connsiteY14" fmla="*/ 574818 h 574818"/>
                  <a:gd name="connsiteX0" fmla="*/ 366256 w 366256"/>
                  <a:gd name="connsiteY0" fmla="*/ 0 h 520844"/>
                  <a:gd name="connsiteX1" fmla="*/ 316586 w 366256"/>
                  <a:gd name="connsiteY1" fmla="*/ 59819 h 520844"/>
                  <a:gd name="connsiteX2" fmla="*/ 260350 w 366256"/>
                  <a:gd name="connsiteY2" fmla="*/ 75189 h 520844"/>
                  <a:gd name="connsiteX3" fmla="*/ 210303 w 366256"/>
                  <a:gd name="connsiteY3" fmla="*/ 84208 h 520844"/>
                  <a:gd name="connsiteX4" fmla="*/ 184150 w 366256"/>
                  <a:gd name="connsiteY4" fmla="*/ 144028 h 520844"/>
                  <a:gd name="connsiteX5" fmla="*/ 158750 w 366256"/>
                  <a:gd name="connsiteY5" fmla="*/ 169285 h 520844"/>
                  <a:gd name="connsiteX6" fmla="*/ 111502 w 366256"/>
                  <a:gd name="connsiteY6" fmla="*/ 202695 h 520844"/>
                  <a:gd name="connsiteX7" fmla="*/ 0 w 366256"/>
                  <a:gd name="connsiteY7" fmla="*/ 254143 h 520844"/>
                  <a:gd name="connsiteX8" fmla="*/ 53975 w 366256"/>
                  <a:gd name="connsiteY8" fmla="*/ 301768 h 520844"/>
                  <a:gd name="connsiteX9" fmla="*/ 114300 w 366256"/>
                  <a:gd name="connsiteY9" fmla="*/ 343043 h 520844"/>
                  <a:gd name="connsiteX10" fmla="*/ 155575 w 366256"/>
                  <a:gd name="connsiteY10" fmla="*/ 381143 h 520844"/>
                  <a:gd name="connsiteX11" fmla="*/ 155575 w 366256"/>
                  <a:gd name="connsiteY11" fmla="*/ 381143 h 520844"/>
                  <a:gd name="connsiteX12" fmla="*/ 174625 w 366256"/>
                  <a:gd name="connsiteY12" fmla="*/ 422418 h 520844"/>
                  <a:gd name="connsiteX13" fmla="*/ 146050 w 366256"/>
                  <a:gd name="connsiteY13" fmla="*/ 520843 h 520844"/>
                  <a:gd name="connsiteX0" fmla="*/ 366256 w 366256"/>
                  <a:gd name="connsiteY0" fmla="*/ 0 h 422418"/>
                  <a:gd name="connsiteX1" fmla="*/ 316586 w 366256"/>
                  <a:gd name="connsiteY1" fmla="*/ 59819 h 422418"/>
                  <a:gd name="connsiteX2" fmla="*/ 260350 w 366256"/>
                  <a:gd name="connsiteY2" fmla="*/ 75189 h 422418"/>
                  <a:gd name="connsiteX3" fmla="*/ 210303 w 366256"/>
                  <a:gd name="connsiteY3" fmla="*/ 84208 h 422418"/>
                  <a:gd name="connsiteX4" fmla="*/ 184150 w 366256"/>
                  <a:gd name="connsiteY4" fmla="*/ 144028 h 422418"/>
                  <a:gd name="connsiteX5" fmla="*/ 158750 w 366256"/>
                  <a:gd name="connsiteY5" fmla="*/ 169285 h 422418"/>
                  <a:gd name="connsiteX6" fmla="*/ 111502 w 366256"/>
                  <a:gd name="connsiteY6" fmla="*/ 202695 h 422418"/>
                  <a:gd name="connsiteX7" fmla="*/ 0 w 366256"/>
                  <a:gd name="connsiteY7" fmla="*/ 254143 h 422418"/>
                  <a:gd name="connsiteX8" fmla="*/ 53975 w 366256"/>
                  <a:gd name="connsiteY8" fmla="*/ 301768 h 422418"/>
                  <a:gd name="connsiteX9" fmla="*/ 114300 w 366256"/>
                  <a:gd name="connsiteY9" fmla="*/ 343043 h 422418"/>
                  <a:gd name="connsiteX10" fmla="*/ 155575 w 366256"/>
                  <a:gd name="connsiteY10" fmla="*/ 381143 h 422418"/>
                  <a:gd name="connsiteX11" fmla="*/ 155575 w 366256"/>
                  <a:gd name="connsiteY11" fmla="*/ 381143 h 422418"/>
                  <a:gd name="connsiteX12" fmla="*/ 174625 w 366256"/>
                  <a:gd name="connsiteY12" fmla="*/ 422418 h 422418"/>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11" fmla="*/ 155575 w 366256"/>
                  <a:gd name="connsiteY11"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14300 w 366256"/>
                  <a:gd name="connsiteY9" fmla="*/ 343043 h 381143"/>
                  <a:gd name="connsiteX10" fmla="*/ 155575 w 366256"/>
                  <a:gd name="connsiteY10" fmla="*/ 381143 h 381143"/>
                  <a:gd name="connsiteX0" fmla="*/ 366256 w 366256"/>
                  <a:gd name="connsiteY0" fmla="*/ 0 h 381143"/>
                  <a:gd name="connsiteX1" fmla="*/ 316586 w 366256"/>
                  <a:gd name="connsiteY1" fmla="*/ 59819 h 381143"/>
                  <a:gd name="connsiteX2" fmla="*/ 260350 w 366256"/>
                  <a:gd name="connsiteY2" fmla="*/ 75189 h 381143"/>
                  <a:gd name="connsiteX3" fmla="*/ 210303 w 366256"/>
                  <a:gd name="connsiteY3" fmla="*/ 84208 h 381143"/>
                  <a:gd name="connsiteX4" fmla="*/ 184150 w 366256"/>
                  <a:gd name="connsiteY4" fmla="*/ 144028 h 381143"/>
                  <a:gd name="connsiteX5" fmla="*/ 158750 w 366256"/>
                  <a:gd name="connsiteY5" fmla="*/ 169285 h 381143"/>
                  <a:gd name="connsiteX6" fmla="*/ 111502 w 366256"/>
                  <a:gd name="connsiteY6" fmla="*/ 202695 h 381143"/>
                  <a:gd name="connsiteX7" fmla="*/ 0 w 366256"/>
                  <a:gd name="connsiteY7" fmla="*/ 254143 h 381143"/>
                  <a:gd name="connsiteX8" fmla="*/ 53975 w 366256"/>
                  <a:gd name="connsiteY8" fmla="*/ 301768 h 381143"/>
                  <a:gd name="connsiteX9" fmla="*/ 155575 w 366256"/>
                  <a:gd name="connsiteY9" fmla="*/ 381143 h 381143"/>
                  <a:gd name="connsiteX0" fmla="*/ 366256 w 366256"/>
                  <a:gd name="connsiteY0" fmla="*/ 0 h 301768"/>
                  <a:gd name="connsiteX1" fmla="*/ 316586 w 366256"/>
                  <a:gd name="connsiteY1" fmla="*/ 59819 h 301768"/>
                  <a:gd name="connsiteX2" fmla="*/ 260350 w 366256"/>
                  <a:gd name="connsiteY2" fmla="*/ 75189 h 301768"/>
                  <a:gd name="connsiteX3" fmla="*/ 210303 w 366256"/>
                  <a:gd name="connsiteY3" fmla="*/ 84208 h 301768"/>
                  <a:gd name="connsiteX4" fmla="*/ 184150 w 366256"/>
                  <a:gd name="connsiteY4" fmla="*/ 144028 h 301768"/>
                  <a:gd name="connsiteX5" fmla="*/ 158750 w 366256"/>
                  <a:gd name="connsiteY5" fmla="*/ 169285 h 301768"/>
                  <a:gd name="connsiteX6" fmla="*/ 111502 w 366256"/>
                  <a:gd name="connsiteY6" fmla="*/ 202695 h 301768"/>
                  <a:gd name="connsiteX7" fmla="*/ 0 w 366256"/>
                  <a:gd name="connsiteY7" fmla="*/ 254143 h 301768"/>
                  <a:gd name="connsiteX8" fmla="*/ 53975 w 366256"/>
                  <a:gd name="connsiteY8" fmla="*/ 301768 h 301768"/>
                  <a:gd name="connsiteX0" fmla="*/ 366256 w 366256"/>
                  <a:gd name="connsiteY0" fmla="*/ 0 h 254143"/>
                  <a:gd name="connsiteX1" fmla="*/ 316586 w 366256"/>
                  <a:gd name="connsiteY1" fmla="*/ 59819 h 254143"/>
                  <a:gd name="connsiteX2" fmla="*/ 260350 w 366256"/>
                  <a:gd name="connsiteY2" fmla="*/ 75189 h 254143"/>
                  <a:gd name="connsiteX3" fmla="*/ 210303 w 366256"/>
                  <a:gd name="connsiteY3" fmla="*/ 84208 h 254143"/>
                  <a:gd name="connsiteX4" fmla="*/ 184150 w 366256"/>
                  <a:gd name="connsiteY4" fmla="*/ 144028 h 254143"/>
                  <a:gd name="connsiteX5" fmla="*/ 158750 w 366256"/>
                  <a:gd name="connsiteY5" fmla="*/ 169285 h 254143"/>
                  <a:gd name="connsiteX6" fmla="*/ 111502 w 366256"/>
                  <a:gd name="connsiteY6" fmla="*/ 202695 h 254143"/>
                  <a:gd name="connsiteX7" fmla="*/ 0 w 366256"/>
                  <a:gd name="connsiteY7" fmla="*/ 254143 h 254143"/>
                  <a:gd name="connsiteX0" fmla="*/ 254754 w 254754"/>
                  <a:gd name="connsiteY0" fmla="*/ 0 h 202696"/>
                  <a:gd name="connsiteX1" fmla="*/ 205084 w 254754"/>
                  <a:gd name="connsiteY1" fmla="*/ 59819 h 202696"/>
                  <a:gd name="connsiteX2" fmla="*/ 148848 w 254754"/>
                  <a:gd name="connsiteY2" fmla="*/ 75189 h 202696"/>
                  <a:gd name="connsiteX3" fmla="*/ 98801 w 254754"/>
                  <a:gd name="connsiteY3" fmla="*/ 84208 h 202696"/>
                  <a:gd name="connsiteX4" fmla="*/ 72648 w 254754"/>
                  <a:gd name="connsiteY4" fmla="*/ 144028 h 202696"/>
                  <a:gd name="connsiteX5" fmla="*/ 47248 w 254754"/>
                  <a:gd name="connsiteY5" fmla="*/ 169285 h 202696"/>
                  <a:gd name="connsiteX6" fmla="*/ 0 w 254754"/>
                  <a:gd name="connsiteY6" fmla="*/ 202695 h 202696"/>
                  <a:gd name="connsiteX0" fmla="*/ 207506 w 207506"/>
                  <a:gd name="connsiteY0" fmla="*/ 0 h 169285"/>
                  <a:gd name="connsiteX1" fmla="*/ 157836 w 207506"/>
                  <a:gd name="connsiteY1" fmla="*/ 59819 h 169285"/>
                  <a:gd name="connsiteX2" fmla="*/ 101600 w 207506"/>
                  <a:gd name="connsiteY2" fmla="*/ 75189 h 169285"/>
                  <a:gd name="connsiteX3" fmla="*/ 51553 w 207506"/>
                  <a:gd name="connsiteY3" fmla="*/ 84208 h 169285"/>
                  <a:gd name="connsiteX4" fmla="*/ 25400 w 207506"/>
                  <a:gd name="connsiteY4" fmla="*/ 144028 h 169285"/>
                  <a:gd name="connsiteX5" fmla="*/ 0 w 207506"/>
                  <a:gd name="connsiteY5" fmla="*/ 169285 h 169285"/>
                  <a:gd name="connsiteX0" fmla="*/ 182107 w 182107"/>
                  <a:gd name="connsiteY0" fmla="*/ 0 h 144028"/>
                  <a:gd name="connsiteX1" fmla="*/ 132437 w 182107"/>
                  <a:gd name="connsiteY1" fmla="*/ 59819 h 144028"/>
                  <a:gd name="connsiteX2" fmla="*/ 76201 w 182107"/>
                  <a:gd name="connsiteY2" fmla="*/ 75189 h 144028"/>
                  <a:gd name="connsiteX3" fmla="*/ 26154 w 182107"/>
                  <a:gd name="connsiteY3" fmla="*/ 84208 h 144028"/>
                  <a:gd name="connsiteX4" fmla="*/ 1 w 182107"/>
                  <a:gd name="connsiteY4" fmla="*/ 144028 h 144028"/>
                  <a:gd name="connsiteX0" fmla="*/ 182106 w 182106"/>
                  <a:gd name="connsiteY0" fmla="*/ 0 h 144028"/>
                  <a:gd name="connsiteX1" fmla="*/ 123951 w 182106"/>
                  <a:gd name="connsiteY1" fmla="*/ 38461 h 144028"/>
                  <a:gd name="connsiteX2" fmla="*/ 76200 w 182106"/>
                  <a:gd name="connsiteY2" fmla="*/ 75189 h 144028"/>
                  <a:gd name="connsiteX3" fmla="*/ 26153 w 182106"/>
                  <a:gd name="connsiteY3" fmla="*/ 84208 h 144028"/>
                  <a:gd name="connsiteX4" fmla="*/ 0 w 182106"/>
                  <a:gd name="connsiteY4" fmla="*/ 144028 h 144028"/>
                  <a:gd name="connsiteX0" fmla="*/ 182106 w 182106"/>
                  <a:gd name="connsiteY0" fmla="*/ 0 h 144028"/>
                  <a:gd name="connsiteX1" fmla="*/ 109809 w 182106"/>
                  <a:gd name="connsiteY1" fmla="*/ 35792 h 144028"/>
                  <a:gd name="connsiteX2" fmla="*/ 76200 w 182106"/>
                  <a:gd name="connsiteY2" fmla="*/ 75189 h 144028"/>
                  <a:gd name="connsiteX3" fmla="*/ 26153 w 182106"/>
                  <a:gd name="connsiteY3" fmla="*/ 84208 h 144028"/>
                  <a:gd name="connsiteX4" fmla="*/ 0 w 182106"/>
                  <a:gd name="connsiteY4" fmla="*/ 144028 h 144028"/>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76200 w 139680"/>
                  <a:gd name="connsiteY2" fmla="*/ 93877 h 162716"/>
                  <a:gd name="connsiteX3" fmla="*/ 26153 w 139680"/>
                  <a:gd name="connsiteY3" fmla="*/ 102896 h 162716"/>
                  <a:gd name="connsiteX4" fmla="*/ 0 w 139680"/>
                  <a:gd name="connsiteY4" fmla="*/ 162716 h 162716"/>
                  <a:gd name="connsiteX0" fmla="*/ 139680 w 139680"/>
                  <a:gd name="connsiteY0" fmla="*/ 0 h 162716"/>
                  <a:gd name="connsiteX1" fmla="*/ 109809 w 139680"/>
                  <a:gd name="connsiteY1" fmla="*/ 54480 h 162716"/>
                  <a:gd name="connsiteX2" fmla="*/ 93170 w 139680"/>
                  <a:gd name="connsiteY2" fmla="*/ 99216 h 162716"/>
                  <a:gd name="connsiteX3" fmla="*/ 26153 w 139680"/>
                  <a:gd name="connsiteY3" fmla="*/ 102896 h 162716"/>
                  <a:gd name="connsiteX4" fmla="*/ 0 w 139680"/>
                  <a:gd name="connsiteY4" fmla="*/ 162716 h 16271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9680" h="162716">
                    <a:moveTo>
                      <a:pt x="139680" y="0"/>
                    </a:moveTo>
                    <a:lnTo>
                      <a:pt x="109809" y="54480"/>
                    </a:lnTo>
                    <a:lnTo>
                      <a:pt x="93170" y="99216"/>
                    </a:lnTo>
                    <a:lnTo>
                      <a:pt x="26153" y="102896"/>
                    </a:lnTo>
                    <a:cubicBezTo>
                      <a:pt x="13453" y="113479"/>
                      <a:pt x="7938" y="146312"/>
                      <a:pt x="0" y="162716"/>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フリーフォーム 66"/>
              <p:cNvSpPr/>
              <p:nvPr/>
            </p:nvSpPr>
            <p:spPr>
              <a:xfrm>
                <a:off x="11698296" y="4728721"/>
                <a:ext cx="734962" cy="202160"/>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フリーフォーム 67"/>
              <p:cNvSpPr/>
              <p:nvPr/>
            </p:nvSpPr>
            <p:spPr>
              <a:xfrm>
                <a:off x="12392811" y="4787934"/>
                <a:ext cx="126117" cy="668360"/>
              </a:xfrm>
              <a:custGeom>
                <a:avLst/>
                <a:gdLst>
                  <a:gd name="connsiteX0" fmla="*/ 22225 w 228600"/>
                  <a:gd name="connsiteY0" fmla="*/ 1244600 h 1244600"/>
                  <a:gd name="connsiteX1" fmla="*/ 22225 w 228600"/>
                  <a:gd name="connsiteY1" fmla="*/ 1165225 h 1244600"/>
                  <a:gd name="connsiteX2" fmla="*/ 0 w 228600"/>
                  <a:gd name="connsiteY2" fmla="*/ 1092200 h 1244600"/>
                  <a:gd name="connsiteX3" fmla="*/ 15875 w 228600"/>
                  <a:gd name="connsiteY3" fmla="*/ 1000125 h 1244600"/>
                  <a:gd name="connsiteX4" fmla="*/ 22225 w 228600"/>
                  <a:gd name="connsiteY4" fmla="*/ 936625 h 1244600"/>
                  <a:gd name="connsiteX5" fmla="*/ 34925 w 228600"/>
                  <a:gd name="connsiteY5" fmla="*/ 876300 h 1244600"/>
                  <a:gd name="connsiteX6" fmla="*/ 63500 w 228600"/>
                  <a:gd name="connsiteY6" fmla="*/ 825500 h 1244600"/>
                  <a:gd name="connsiteX7" fmla="*/ 92075 w 228600"/>
                  <a:gd name="connsiteY7" fmla="*/ 803275 h 1244600"/>
                  <a:gd name="connsiteX8" fmla="*/ 146050 w 228600"/>
                  <a:gd name="connsiteY8" fmla="*/ 777875 h 1244600"/>
                  <a:gd name="connsiteX9" fmla="*/ 168275 w 228600"/>
                  <a:gd name="connsiteY9" fmla="*/ 742950 h 1244600"/>
                  <a:gd name="connsiteX10" fmla="*/ 228600 w 228600"/>
                  <a:gd name="connsiteY10" fmla="*/ 561975 h 1244600"/>
                  <a:gd name="connsiteX11" fmla="*/ 225425 w 228600"/>
                  <a:gd name="connsiteY11" fmla="*/ 450850 h 1244600"/>
                  <a:gd name="connsiteX12" fmla="*/ 219075 w 228600"/>
                  <a:gd name="connsiteY12" fmla="*/ 387350 h 1244600"/>
                  <a:gd name="connsiteX13" fmla="*/ 206375 w 228600"/>
                  <a:gd name="connsiteY13" fmla="*/ 314325 h 1244600"/>
                  <a:gd name="connsiteX14" fmla="*/ 177800 w 228600"/>
                  <a:gd name="connsiteY14" fmla="*/ 165100 h 1244600"/>
                  <a:gd name="connsiteX15" fmla="*/ 171450 w 228600"/>
                  <a:gd name="connsiteY15" fmla="*/ 98425 h 1244600"/>
                  <a:gd name="connsiteX16" fmla="*/ 161925 w 228600"/>
                  <a:gd name="connsiteY16" fmla="*/ 9525 h 1244600"/>
                  <a:gd name="connsiteX17" fmla="*/ 165100 w 228600"/>
                  <a:gd name="connsiteY17" fmla="*/ 0 h 1244600"/>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11125 w 228600"/>
                  <a:gd name="connsiteY17"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270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362075 h 1362075"/>
                  <a:gd name="connsiteX1" fmla="*/ 22225 w 228600"/>
                  <a:gd name="connsiteY1" fmla="*/ 1282700 h 1362075"/>
                  <a:gd name="connsiteX2" fmla="*/ 0 w 228600"/>
                  <a:gd name="connsiteY2" fmla="*/ 1209675 h 1362075"/>
                  <a:gd name="connsiteX3" fmla="*/ 15875 w 228600"/>
                  <a:gd name="connsiteY3" fmla="*/ 1117600 h 1362075"/>
                  <a:gd name="connsiteX4" fmla="*/ 22225 w 228600"/>
                  <a:gd name="connsiteY4" fmla="*/ 1054100 h 1362075"/>
                  <a:gd name="connsiteX5" fmla="*/ 34925 w 228600"/>
                  <a:gd name="connsiteY5" fmla="*/ 993775 h 1362075"/>
                  <a:gd name="connsiteX6" fmla="*/ 63500 w 228600"/>
                  <a:gd name="connsiteY6" fmla="*/ 942975 h 1362075"/>
                  <a:gd name="connsiteX7" fmla="*/ 92075 w 228600"/>
                  <a:gd name="connsiteY7" fmla="*/ 920750 h 1362075"/>
                  <a:gd name="connsiteX8" fmla="*/ 146050 w 228600"/>
                  <a:gd name="connsiteY8" fmla="*/ 895350 h 1362075"/>
                  <a:gd name="connsiteX9" fmla="*/ 168275 w 228600"/>
                  <a:gd name="connsiteY9" fmla="*/ 860425 h 1362075"/>
                  <a:gd name="connsiteX10" fmla="*/ 228600 w 228600"/>
                  <a:gd name="connsiteY10" fmla="*/ 679450 h 1362075"/>
                  <a:gd name="connsiteX11" fmla="*/ 225425 w 228600"/>
                  <a:gd name="connsiteY11" fmla="*/ 568325 h 1362075"/>
                  <a:gd name="connsiteX12" fmla="*/ 219075 w 228600"/>
                  <a:gd name="connsiteY12" fmla="*/ 504825 h 1362075"/>
                  <a:gd name="connsiteX13" fmla="*/ 206375 w 228600"/>
                  <a:gd name="connsiteY13" fmla="*/ 431800 h 1362075"/>
                  <a:gd name="connsiteX14" fmla="*/ 177800 w 228600"/>
                  <a:gd name="connsiteY14" fmla="*/ 282575 h 1362075"/>
                  <a:gd name="connsiteX15" fmla="*/ 171450 w 228600"/>
                  <a:gd name="connsiteY15" fmla="*/ 215900 h 1362075"/>
                  <a:gd name="connsiteX16" fmla="*/ 161925 w 228600"/>
                  <a:gd name="connsiteY16" fmla="*/ 139700 h 1362075"/>
                  <a:gd name="connsiteX17" fmla="*/ 165100 w 228600"/>
                  <a:gd name="connsiteY17" fmla="*/ 76201 h 1362075"/>
                  <a:gd name="connsiteX18" fmla="*/ 111125 w 228600"/>
                  <a:gd name="connsiteY18" fmla="*/ 0 h 1362075"/>
                  <a:gd name="connsiteX0" fmla="*/ 22225 w 228600"/>
                  <a:gd name="connsiteY0" fmla="*/ 1282700 h 1282700"/>
                  <a:gd name="connsiteX1" fmla="*/ 0 w 228600"/>
                  <a:gd name="connsiteY1" fmla="*/ 1209675 h 1282700"/>
                  <a:gd name="connsiteX2" fmla="*/ 15875 w 228600"/>
                  <a:gd name="connsiteY2" fmla="*/ 1117600 h 1282700"/>
                  <a:gd name="connsiteX3" fmla="*/ 22225 w 228600"/>
                  <a:gd name="connsiteY3" fmla="*/ 1054100 h 1282700"/>
                  <a:gd name="connsiteX4" fmla="*/ 34925 w 228600"/>
                  <a:gd name="connsiteY4" fmla="*/ 993775 h 1282700"/>
                  <a:gd name="connsiteX5" fmla="*/ 63500 w 228600"/>
                  <a:gd name="connsiteY5" fmla="*/ 942975 h 1282700"/>
                  <a:gd name="connsiteX6" fmla="*/ 92075 w 228600"/>
                  <a:gd name="connsiteY6" fmla="*/ 920750 h 1282700"/>
                  <a:gd name="connsiteX7" fmla="*/ 146050 w 228600"/>
                  <a:gd name="connsiteY7" fmla="*/ 895350 h 1282700"/>
                  <a:gd name="connsiteX8" fmla="*/ 168275 w 228600"/>
                  <a:gd name="connsiteY8" fmla="*/ 860425 h 1282700"/>
                  <a:gd name="connsiteX9" fmla="*/ 228600 w 228600"/>
                  <a:gd name="connsiteY9" fmla="*/ 679450 h 1282700"/>
                  <a:gd name="connsiteX10" fmla="*/ 225425 w 228600"/>
                  <a:gd name="connsiteY10" fmla="*/ 568325 h 1282700"/>
                  <a:gd name="connsiteX11" fmla="*/ 219075 w 228600"/>
                  <a:gd name="connsiteY11" fmla="*/ 504825 h 1282700"/>
                  <a:gd name="connsiteX12" fmla="*/ 206375 w 228600"/>
                  <a:gd name="connsiteY12" fmla="*/ 431800 h 1282700"/>
                  <a:gd name="connsiteX13" fmla="*/ 177800 w 228600"/>
                  <a:gd name="connsiteY13" fmla="*/ 282575 h 1282700"/>
                  <a:gd name="connsiteX14" fmla="*/ 171450 w 228600"/>
                  <a:gd name="connsiteY14" fmla="*/ 215900 h 1282700"/>
                  <a:gd name="connsiteX15" fmla="*/ 161925 w 228600"/>
                  <a:gd name="connsiteY15" fmla="*/ 139700 h 1282700"/>
                  <a:gd name="connsiteX16" fmla="*/ 165100 w 228600"/>
                  <a:gd name="connsiteY16" fmla="*/ 76201 h 1282700"/>
                  <a:gd name="connsiteX17" fmla="*/ 111125 w 228600"/>
                  <a:gd name="connsiteY17" fmla="*/ 0 h 1282700"/>
                  <a:gd name="connsiteX0" fmla="*/ 0 w 228600"/>
                  <a:gd name="connsiteY0" fmla="*/ 1209675 h 1209675"/>
                  <a:gd name="connsiteX1" fmla="*/ 15875 w 228600"/>
                  <a:gd name="connsiteY1" fmla="*/ 1117600 h 1209675"/>
                  <a:gd name="connsiteX2" fmla="*/ 22225 w 228600"/>
                  <a:gd name="connsiteY2" fmla="*/ 1054100 h 1209675"/>
                  <a:gd name="connsiteX3" fmla="*/ 34925 w 228600"/>
                  <a:gd name="connsiteY3" fmla="*/ 993775 h 1209675"/>
                  <a:gd name="connsiteX4" fmla="*/ 63500 w 228600"/>
                  <a:gd name="connsiteY4" fmla="*/ 942975 h 1209675"/>
                  <a:gd name="connsiteX5" fmla="*/ 92075 w 228600"/>
                  <a:gd name="connsiteY5" fmla="*/ 920750 h 1209675"/>
                  <a:gd name="connsiteX6" fmla="*/ 146050 w 228600"/>
                  <a:gd name="connsiteY6" fmla="*/ 895350 h 1209675"/>
                  <a:gd name="connsiteX7" fmla="*/ 168275 w 228600"/>
                  <a:gd name="connsiteY7" fmla="*/ 860425 h 1209675"/>
                  <a:gd name="connsiteX8" fmla="*/ 228600 w 228600"/>
                  <a:gd name="connsiteY8" fmla="*/ 679450 h 1209675"/>
                  <a:gd name="connsiteX9" fmla="*/ 225425 w 228600"/>
                  <a:gd name="connsiteY9" fmla="*/ 568325 h 1209675"/>
                  <a:gd name="connsiteX10" fmla="*/ 219075 w 228600"/>
                  <a:gd name="connsiteY10" fmla="*/ 504825 h 1209675"/>
                  <a:gd name="connsiteX11" fmla="*/ 206375 w 228600"/>
                  <a:gd name="connsiteY11" fmla="*/ 431800 h 1209675"/>
                  <a:gd name="connsiteX12" fmla="*/ 177800 w 228600"/>
                  <a:gd name="connsiteY12" fmla="*/ 282575 h 1209675"/>
                  <a:gd name="connsiteX13" fmla="*/ 171450 w 228600"/>
                  <a:gd name="connsiteY13" fmla="*/ 215900 h 1209675"/>
                  <a:gd name="connsiteX14" fmla="*/ 161925 w 228600"/>
                  <a:gd name="connsiteY14" fmla="*/ 139700 h 1209675"/>
                  <a:gd name="connsiteX15" fmla="*/ 165100 w 228600"/>
                  <a:gd name="connsiteY15" fmla="*/ 76201 h 1209675"/>
                  <a:gd name="connsiteX16" fmla="*/ 111125 w 228600"/>
                  <a:gd name="connsiteY16" fmla="*/ 0 h 1209675"/>
                  <a:gd name="connsiteX0" fmla="*/ 0 w 212725"/>
                  <a:gd name="connsiteY0" fmla="*/ 1117600 h 1117600"/>
                  <a:gd name="connsiteX1" fmla="*/ 6350 w 212725"/>
                  <a:gd name="connsiteY1" fmla="*/ 1054100 h 1117600"/>
                  <a:gd name="connsiteX2" fmla="*/ 19050 w 212725"/>
                  <a:gd name="connsiteY2" fmla="*/ 993775 h 1117600"/>
                  <a:gd name="connsiteX3" fmla="*/ 47625 w 212725"/>
                  <a:gd name="connsiteY3" fmla="*/ 942975 h 1117600"/>
                  <a:gd name="connsiteX4" fmla="*/ 76200 w 212725"/>
                  <a:gd name="connsiteY4" fmla="*/ 920750 h 1117600"/>
                  <a:gd name="connsiteX5" fmla="*/ 130175 w 212725"/>
                  <a:gd name="connsiteY5" fmla="*/ 895350 h 1117600"/>
                  <a:gd name="connsiteX6" fmla="*/ 152400 w 212725"/>
                  <a:gd name="connsiteY6" fmla="*/ 860425 h 1117600"/>
                  <a:gd name="connsiteX7" fmla="*/ 212725 w 212725"/>
                  <a:gd name="connsiteY7" fmla="*/ 679450 h 1117600"/>
                  <a:gd name="connsiteX8" fmla="*/ 209550 w 212725"/>
                  <a:gd name="connsiteY8" fmla="*/ 568325 h 1117600"/>
                  <a:gd name="connsiteX9" fmla="*/ 203200 w 212725"/>
                  <a:gd name="connsiteY9" fmla="*/ 504825 h 1117600"/>
                  <a:gd name="connsiteX10" fmla="*/ 190500 w 212725"/>
                  <a:gd name="connsiteY10" fmla="*/ 431800 h 1117600"/>
                  <a:gd name="connsiteX11" fmla="*/ 161925 w 212725"/>
                  <a:gd name="connsiteY11" fmla="*/ 282575 h 1117600"/>
                  <a:gd name="connsiteX12" fmla="*/ 155575 w 212725"/>
                  <a:gd name="connsiteY12" fmla="*/ 215900 h 1117600"/>
                  <a:gd name="connsiteX13" fmla="*/ 146050 w 212725"/>
                  <a:gd name="connsiteY13" fmla="*/ 139700 h 1117600"/>
                  <a:gd name="connsiteX14" fmla="*/ 149225 w 212725"/>
                  <a:gd name="connsiteY14" fmla="*/ 76201 h 1117600"/>
                  <a:gd name="connsiteX15" fmla="*/ 95250 w 212725"/>
                  <a:gd name="connsiteY15" fmla="*/ 0 h 1117600"/>
                  <a:gd name="connsiteX0" fmla="*/ 0 w 206375"/>
                  <a:gd name="connsiteY0" fmla="*/ 1054100 h 1054100"/>
                  <a:gd name="connsiteX1" fmla="*/ 12700 w 206375"/>
                  <a:gd name="connsiteY1" fmla="*/ 993775 h 1054100"/>
                  <a:gd name="connsiteX2" fmla="*/ 41275 w 206375"/>
                  <a:gd name="connsiteY2" fmla="*/ 942975 h 1054100"/>
                  <a:gd name="connsiteX3" fmla="*/ 69850 w 206375"/>
                  <a:gd name="connsiteY3" fmla="*/ 920750 h 1054100"/>
                  <a:gd name="connsiteX4" fmla="*/ 123825 w 206375"/>
                  <a:gd name="connsiteY4" fmla="*/ 895350 h 1054100"/>
                  <a:gd name="connsiteX5" fmla="*/ 146050 w 206375"/>
                  <a:gd name="connsiteY5" fmla="*/ 860425 h 1054100"/>
                  <a:gd name="connsiteX6" fmla="*/ 206375 w 206375"/>
                  <a:gd name="connsiteY6" fmla="*/ 679450 h 1054100"/>
                  <a:gd name="connsiteX7" fmla="*/ 203200 w 206375"/>
                  <a:gd name="connsiteY7" fmla="*/ 568325 h 1054100"/>
                  <a:gd name="connsiteX8" fmla="*/ 196850 w 206375"/>
                  <a:gd name="connsiteY8" fmla="*/ 504825 h 1054100"/>
                  <a:gd name="connsiteX9" fmla="*/ 184150 w 206375"/>
                  <a:gd name="connsiteY9" fmla="*/ 431800 h 1054100"/>
                  <a:gd name="connsiteX10" fmla="*/ 155575 w 206375"/>
                  <a:gd name="connsiteY10" fmla="*/ 282575 h 1054100"/>
                  <a:gd name="connsiteX11" fmla="*/ 149225 w 206375"/>
                  <a:gd name="connsiteY11" fmla="*/ 215900 h 1054100"/>
                  <a:gd name="connsiteX12" fmla="*/ 139700 w 206375"/>
                  <a:gd name="connsiteY12" fmla="*/ 139700 h 1054100"/>
                  <a:gd name="connsiteX13" fmla="*/ 142875 w 206375"/>
                  <a:gd name="connsiteY13" fmla="*/ 76201 h 1054100"/>
                  <a:gd name="connsiteX14" fmla="*/ 88900 w 206375"/>
                  <a:gd name="connsiteY14" fmla="*/ 0 h 1054100"/>
                  <a:gd name="connsiteX0" fmla="*/ 0 w 193675"/>
                  <a:gd name="connsiteY0" fmla="*/ 993775 h 993775"/>
                  <a:gd name="connsiteX1" fmla="*/ 28575 w 193675"/>
                  <a:gd name="connsiteY1" fmla="*/ 942975 h 993775"/>
                  <a:gd name="connsiteX2" fmla="*/ 57150 w 193675"/>
                  <a:gd name="connsiteY2" fmla="*/ 920750 h 993775"/>
                  <a:gd name="connsiteX3" fmla="*/ 111125 w 193675"/>
                  <a:gd name="connsiteY3" fmla="*/ 895350 h 993775"/>
                  <a:gd name="connsiteX4" fmla="*/ 133350 w 193675"/>
                  <a:gd name="connsiteY4" fmla="*/ 860425 h 993775"/>
                  <a:gd name="connsiteX5" fmla="*/ 193675 w 193675"/>
                  <a:gd name="connsiteY5" fmla="*/ 679450 h 993775"/>
                  <a:gd name="connsiteX6" fmla="*/ 190500 w 193675"/>
                  <a:gd name="connsiteY6" fmla="*/ 568325 h 993775"/>
                  <a:gd name="connsiteX7" fmla="*/ 184150 w 193675"/>
                  <a:gd name="connsiteY7" fmla="*/ 504825 h 993775"/>
                  <a:gd name="connsiteX8" fmla="*/ 171450 w 193675"/>
                  <a:gd name="connsiteY8" fmla="*/ 431800 h 993775"/>
                  <a:gd name="connsiteX9" fmla="*/ 142875 w 193675"/>
                  <a:gd name="connsiteY9" fmla="*/ 282575 h 993775"/>
                  <a:gd name="connsiteX10" fmla="*/ 136525 w 193675"/>
                  <a:gd name="connsiteY10" fmla="*/ 215900 h 993775"/>
                  <a:gd name="connsiteX11" fmla="*/ 127000 w 193675"/>
                  <a:gd name="connsiteY11" fmla="*/ 139700 h 993775"/>
                  <a:gd name="connsiteX12" fmla="*/ 130175 w 193675"/>
                  <a:gd name="connsiteY12" fmla="*/ 76201 h 993775"/>
                  <a:gd name="connsiteX13" fmla="*/ 76200 w 193675"/>
                  <a:gd name="connsiteY13" fmla="*/ 0 h 993775"/>
                  <a:gd name="connsiteX0" fmla="*/ 0 w 165100"/>
                  <a:gd name="connsiteY0" fmla="*/ 942975 h 942974"/>
                  <a:gd name="connsiteX1" fmla="*/ 28575 w 165100"/>
                  <a:gd name="connsiteY1" fmla="*/ 920750 h 942974"/>
                  <a:gd name="connsiteX2" fmla="*/ 82550 w 165100"/>
                  <a:gd name="connsiteY2" fmla="*/ 895350 h 942974"/>
                  <a:gd name="connsiteX3" fmla="*/ 104775 w 165100"/>
                  <a:gd name="connsiteY3" fmla="*/ 860425 h 942974"/>
                  <a:gd name="connsiteX4" fmla="*/ 165100 w 165100"/>
                  <a:gd name="connsiteY4" fmla="*/ 679450 h 942974"/>
                  <a:gd name="connsiteX5" fmla="*/ 161925 w 165100"/>
                  <a:gd name="connsiteY5" fmla="*/ 568325 h 942974"/>
                  <a:gd name="connsiteX6" fmla="*/ 155575 w 165100"/>
                  <a:gd name="connsiteY6" fmla="*/ 504825 h 942974"/>
                  <a:gd name="connsiteX7" fmla="*/ 142875 w 165100"/>
                  <a:gd name="connsiteY7" fmla="*/ 431800 h 942974"/>
                  <a:gd name="connsiteX8" fmla="*/ 114300 w 165100"/>
                  <a:gd name="connsiteY8" fmla="*/ 282575 h 942974"/>
                  <a:gd name="connsiteX9" fmla="*/ 107950 w 165100"/>
                  <a:gd name="connsiteY9" fmla="*/ 215900 h 942974"/>
                  <a:gd name="connsiteX10" fmla="*/ 98425 w 165100"/>
                  <a:gd name="connsiteY10" fmla="*/ 139700 h 942974"/>
                  <a:gd name="connsiteX11" fmla="*/ 101600 w 165100"/>
                  <a:gd name="connsiteY11" fmla="*/ 76201 h 942974"/>
                  <a:gd name="connsiteX12" fmla="*/ 47625 w 165100"/>
                  <a:gd name="connsiteY12" fmla="*/ 0 h 942974"/>
                  <a:gd name="connsiteX0" fmla="*/ 0 w 165100"/>
                  <a:gd name="connsiteY0" fmla="*/ 942975 h 942975"/>
                  <a:gd name="connsiteX1" fmla="*/ 82550 w 165100"/>
                  <a:gd name="connsiteY1" fmla="*/ 895350 h 942975"/>
                  <a:gd name="connsiteX2" fmla="*/ 104775 w 165100"/>
                  <a:gd name="connsiteY2" fmla="*/ 860425 h 942975"/>
                  <a:gd name="connsiteX3" fmla="*/ 165100 w 165100"/>
                  <a:gd name="connsiteY3" fmla="*/ 679450 h 942975"/>
                  <a:gd name="connsiteX4" fmla="*/ 161925 w 165100"/>
                  <a:gd name="connsiteY4" fmla="*/ 568325 h 942975"/>
                  <a:gd name="connsiteX5" fmla="*/ 155575 w 165100"/>
                  <a:gd name="connsiteY5" fmla="*/ 504825 h 942975"/>
                  <a:gd name="connsiteX6" fmla="*/ 142875 w 165100"/>
                  <a:gd name="connsiteY6" fmla="*/ 431800 h 942975"/>
                  <a:gd name="connsiteX7" fmla="*/ 114300 w 165100"/>
                  <a:gd name="connsiteY7" fmla="*/ 282575 h 942975"/>
                  <a:gd name="connsiteX8" fmla="*/ 107950 w 165100"/>
                  <a:gd name="connsiteY8" fmla="*/ 215900 h 942975"/>
                  <a:gd name="connsiteX9" fmla="*/ 98425 w 165100"/>
                  <a:gd name="connsiteY9" fmla="*/ 139700 h 942975"/>
                  <a:gd name="connsiteX10" fmla="*/ 101600 w 165100"/>
                  <a:gd name="connsiteY10" fmla="*/ 76201 h 942975"/>
                  <a:gd name="connsiteX11" fmla="*/ 47625 w 165100"/>
                  <a:gd name="connsiteY11" fmla="*/ 0 h 942975"/>
                  <a:gd name="connsiteX0" fmla="*/ 34925 w 117475"/>
                  <a:gd name="connsiteY0" fmla="*/ 895350 h 895350"/>
                  <a:gd name="connsiteX1" fmla="*/ 57150 w 117475"/>
                  <a:gd name="connsiteY1" fmla="*/ 860425 h 895350"/>
                  <a:gd name="connsiteX2" fmla="*/ 117475 w 117475"/>
                  <a:gd name="connsiteY2" fmla="*/ 679450 h 895350"/>
                  <a:gd name="connsiteX3" fmla="*/ 114300 w 117475"/>
                  <a:gd name="connsiteY3" fmla="*/ 568325 h 895350"/>
                  <a:gd name="connsiteX4" fmla="*/ 107950 w 117475"/>
                  <a:gd name="connsiteY4" fmla="*/ 504825 h 895350"/>
                  <a:gd name="connsiteX5" fmla="*/ 95250 w 117475"/>
                  <a:gd name="connsiteY5" fmla="*/ 431800 h 895350"/>
                  <a:gd name="connsiteX6" fmla="*/ 66675 w 117475"/>
                  <a:gd name="connsiteY6" fmla="*/ 282575 h 895350"/>
                  <a:gd name="connsiteX7" fmla="*/ 60325 w 117475"/>
                  <a:gd name="connsiteY7" fmla="*/ 215900 h 895350"/>
                  <a:gd name="connsiteX8" fmla="*/ 50800 w 117475"/>
                  <a:gd name="connsiteY8" fmla="*/ 139700 h 895350"/>
                  <a:gd name="connsiteX9" fmla="*/ 53975 w 117475"/>
                  <a:gd name="connsiteY9" fmla="*/ 76201 h 895350"/>
                  <a:gd name="connsiteX10" fmla="*/ 0 w 117475"/>
                  <a:gd name="connsiteY10" fmla="*/ 0 h 895350"/>
                  <a:gd name="connsiteX0" fmla="*/ 34925 w 117475"/>
                  <a:gd name="connsiteY0" fmla="*/ 895350 h 895350"/>
                  <a:gd name="connsiteX1" fmla="*/ 117475 w 117475"/>
                  <a:gd name="connsiteY1" fmla="*/ 679450 h 895350"/>
                  <a:gd name="connsiteX2" fmla="*/ 114300 w 117475"/>
                  <a:gd name="connsiteY2" fmla="*/ 568325 h 895350"/>
                  <a:gd name="connsiteX3" fmla="*/ 107950 w 117475"/>
                  <a:gd name="connsiteY3" fmla="*/ 504825 h 895350"/>
                  <a:gd name="connsiteX4" fmla="*/ 95250 w 117475"/>
                  <a:gd name="connsiteY4" fmla="*/ 431800 h 895350"/>
                  <a:gd name="connsiteX5" fmla="*/ 66675 w 117475"/>
                  <a:gd name="connsiteY5" fmla="*/ 282575 h 895350"/>
                  <a:gd name="connsiteX6" fmla="*/ 60325 w 117475"/>
                  <a:gd name="connsiteY6" fmla="*/ 215900 h 895350"/>
                  <a:gd name="connsiteX7" fmla="*/ 50800 w 117475"/>
                  <a:gd name="connsiteY7" fmla="*/ 139700 h 895350"/>
                  <a:gd name="connsiteX8" fmla="*/ 53975 w 117475"/>
                  <a:gd name="connsiteY8" fmla="*/ 76201 h 895350"/>
                  <a:gd name="connsiteX9" fmla="*/ 0 w 117475"/>
                  <a:gd name="connsiteY9" fmla="*/ 0 h 895350"/>
                  <a:gd name="connsiteX0" fmla="*/ 117475 w 117475"/>
                  <a:gd name="connsiteY0" fmla="*/ 679450 h 679450"/>
                  <a:gd name="connsiteX1" fmla="*/ 114300 w 117475"/>
                  <a:gd name="connsiteY1" fmla="*/ 568325 h 679450"/>
                  <a:gd name="connsiteX2" fmla="*/ 107950 w 117475"/>
                  <a:gd name="connsiteY2" fmla="*/ 504825 h 679450"/>
                  <a:gd name="connsiteX3" fmla="*/ 95250 w 117475"/>
                  <a:gd name="connsiteY3" fmla="*/ 431800 h 679450"/>
                  <a:gd name="connsiteX4" fmla="*/ 66675 w 117475"/>
                  <a:gd name="connsiteY4" fmla="*/ 282575 h 679450"/>
                  <a:gd name="connsiteX5" fmla="*/ 60325 w 117475"/>
                  <a:gd name="connsiteY5" fmla="*/ 215900 h 679450"/>
                  <a:gd name="connsiteX6" fmla="*/ 50800 w 117475"/>
                  <a:gd name="connsiteY6" fmla="*/ 139700 h 679450"/>
                  <a:gd name="connsiteX7" fmla="*/ 53975 w 117475"/>
                  <a:gd name="connsiteY7" fmla="*/ 76201 h 679450"/>
                  <a:gd name="connsiteX8" fmla="*/ 0 w 117475"/>
                  <a:gd name="connsiteY8" fmla="*/ 0 h 679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7475" h="679450">
                    <a:moveTo>
                      <a:pt x="117475" y="679450"/>
                    </a:moveTo>
                    <a:cubicBezTo>
                      <a:pt x="116417" y="642408"/>
                      <a:pt x="115358" y="605367"/>
                      <a:pt x="114300" y="568325"/>
                    </a:cubicBezTo>
                    <a:lnTo>
                      <a:pt x="107950" y="504825"/>
                    </a:lnTo>
                    <a:lnTo>
                      <a:pt x="95250" y="431800"/>
                    </a:lnTo>
                    <a:lnTo>
                      <a:pt x="66675" y="282575"/>
                    </a:lnTo>
                    <a:lnTo>
                      <a:pt x="60325" y="215900"/>
                    </a:lnTo>
                    <a:lnTo>
                      <a:pt x="50800" y="139700"/>
                    </a:lnTo>
                    <a:lnTo>
                      <a:pt x="53975" y="76201"/>
                    </a:lnTo>
                    <a:lnTo>
                      <a:pt x="0" y="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フリーフォーム 68"/>
              <p:cNvSpPr/>
              <p:nvPr/>
            </p:nvSpPr>
            <p:spPr>
              <a:xfrm>
                <a:off x="10996500" y="5177703"/>
                <a:ext cx="486557" cy="895908"/>
              </a:xfrm>
              <a:custGeom>
                <a:avLst/>
                <a:gdLst>
                  <a:gd name="connsiteX0" fmla="*/ 374650 w 374650"/>
                  <a:gd name="connsiteY0" fmla="*/ 0 h 542925"/>
                  <a:gd name="connsiteX1" fmla="*/ 333375 w 374650"/>
                  <a:gd name="connsiteY1" fmla="*/ 57150 h 542925"/>
                  <a:gd name="connsiteX2" fmla="*/ 260350 w 374650"/>
                  <a:gd name="connsiteY2" fmla="*/ 69850 h 542925"/>
                  <a:gd name="connsiteX3" fmla="*/ 206375 w 374650"/>
                  <a:gd name="connsiteY3" fmla="*/ 76200 h 542925"/>
                  <a:gd name="connsiteX4" fmla="*/ 184150 w 374650"/>
                  <a:gd name="connsiteY4" fmla="*/ 133350 h 542925"/>
                  <a:gd name="connsiteX5" fmla="*/ 158750 w 374650"/>
                  <a:gd name="connsiteY5" fmla="*/ 174625 h 542925"/>
                  <a:gd name="connsiteX6" fmla="*/ 114300 w 374650"/>
                  <a:gd name="connsiteY6" fmla="*/ 200025 h 542925"/>
                  <a:gd name="connsiteX7" fmla="*/ 0 w 374650"/>
                  <a:gd name="connsiteY7" fmla="*/ 238125 h 542925"/>
                  <a:gd name="connsiteX8" fmla="*/ 53975 w 374650"/>
                  <a:gd name="connsiteY8" fmla="*/ 285750 h 542925"/>
                  <a:gd name="connsiteX9" fmla="*/ 114300 w 374650"/>
                  <a:gd name="connsiteY9" fmla="*/ 327025 h 542925"/>
                  <a:gd name="connsiteX10" fmla="*/ 155575 w 374650"/>
                  <a:gd name="connsiteY10" fmla="*/ 365125 h 542925"/>
                  <a:gd name="connsiteX11" fmla="*/ 155575 w 374650"/>
                  <a:gd name="connsiteY11" fmla="*/ 365125 h 542925"/>
                  <a:gd name="connsiteX12" fmla="*/ 174625 w 374650"/>
                  <a:gd name="connsiteY12" fmla="*/ 406400 h 542925"/>
                  <a:gd name="connsiteX13" fmla="*/ 146050 w 374650"/>
                  <a:gd name="connsiteY13" fmla="*/ 504825 h 542925"/>
                  <a:gd name="connsiteX14" fmla="*/ 117475 w 374650"/>
                  <a:gd name="connsiteY14" fmla="*/ 542925 h 5429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508000 w 508000"/>
                  <a:gd name="connsiteY14"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508000 w 508000"/>
                  <a:gd name="connsiteY15"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46050 w 508000"/>
                  <a:gd name="connsiteY15" fmla="*/ 806450 h 1000125"/>
                  <a:gd name="connsiteX16" fmla="*/ 508000 w 508000"/>
                  <a:gd name="connsiteY16"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508000 w 508000"/>
                  <a:gd name="connsiteY17"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508000 w 508000"/>
                  <a:gd name="connsiteY18"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508000 w 508000"/>
                  <a:gd name="connsiteY19"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98425 w 508000"/>
                  <a:gd name="connsiteY15" fmla="*/ 666750 h 1000125"/>
                  <a:gd name="connsiteX16" fmla="*/ 146050 w 508000"/>
                  <a:gd name="connsiteY16" fmla="*/ 806450 h 1000125"/>
                  <a:gd name="connsiteX17" fmla="*/ 206375 w 508000"/>
                  <a:gd name="connsiteY17" fmla="*/ 819150 h 1000125"/>
                  <a:gd name="connsiteX18" fmla="*/ 320675 w 508000"/>
                  <a:gd name="connsiteY18" fmla="*/ 873125 h 1000125"/>
                  <a:gd name="connsiteX19" fmla="*/ 365125 w 508000"/>
                  <a:gd name="connsiteY19" fmla="*/ 936625 h 1000125"/>
                  <a:gd name="connsiteX20" fmla="*/ 508000 w 508000"/>
                  <a:gd name="connsiteY20"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06375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4300 w 508000"/>
                  <a:gd name="connsiteY6" fmla="*/ 200025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74625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3335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5900 w 508000"/>
                  <a:gd name="connsiteY3" fmla="*/ 7620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69850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33375 w 508000"/>
                  <a:gd name="connsiteY1" fmla="*/ 57150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74650 w 508000"/>
                  <a:gd name="connsiteY0" fmla="*/ 0 h 1000125"/>
                  <a:gd name="connsiteX1" fmla="*/ 316586 w 508000"/>
                  <a:gd name="connsiteY1" fmla="*/ 43801 h 1000125"/>
                  <a:gd name="connsiteX2" fmla="*/ 260350 w 508000"/>
                  <a:gd name="connsiteY2" fmla="*/ 59171 h 1000125"/>
                  <a:gd name="connsiteX3" fmla="*/ 210303 w 508000"/>
                  <a:gd name="connsiteY3" fmla="*/ 68190 h 1000125"/>
                  <a:gd name="connsiteX4" fmla="*/ 184150 w 508000"/>
                  <a:gd name="connsiteY4" fmla="*/ 128010 h 1000125"/>
                  <a:gd name="connsiteX5" fmla="*/ 158750 w 508000"/>
                  <a:gd name="connsiteY5" fmla="*/ 153267 h 1000125"/>
                  <a:gd name="connsiteX6" fmla="*/ 111502 w 508000"/>
                  <a:gd name="connsiteY6" fmla="*/ 186677 h 1000125"/>
                  <a:gd name="connsiteX7" fmla="*/ 0 w 508000"/>
                  <a:gd name="connsiteY7" fmla="*/ 238125 h 1000125"/>
                  <a:gd name="connsiteX8" fmla="*/ 53975 w 508000"/>
                  <a:gd name="connsiteY8" fmla="*/ 285750 h 1000125"/>
                  <a:gd name="connsiteX9" fmla="*/ 114300 w 508000"/>
                  <a:gd name="connsiteY9" fmla="*/ 327025 h 1000125"/>
                  <a:gd name="connsiteX10" fmla="*/ 155575 w 508000"/>
                  <a:gd name="connsiteY10" fmla="*/ 365125 h 1000125"/>
                  <a:gd name="connsiteX11" fmla="*/ 155575 w 508000"/>
                  <a:gd name="connsiteY11" fmla="*/ 365125 h 1000125"/>
                  <a:gd name="connsiteX12" fmla="*/ 174625 w 508000"/>
                  <a:gd name="connsiteY12" fmla="*/ 406400 h 1000125"/>
                  <a:gd name="connsiteX13" fmla="*/ 146050 w 508000"/>
                  <a:gd name="connsiteY13" fmla="*/ 504825 h 1000125"/>
                  <a:gd name="connsiteX14" fmla="*/ 111125 w 508000"/>
                  <a:gd name="connsiteY14" fmla="*/ 558800 h 1000125"/>
                  <a:gd name="connsiteX15" fmla="*/ 130175 w 508000"/>
                  <a:gd name="connsiteY15" fmla="*/ 631825 h 1000125"/>
                  <a:gd name="connsiteX16" fmla="*/ 98425 w 508000"/>
                  <a:gd name="connsiteY16" fmla="*/ 666750 h 1000125"/>
                  <a:gd name="connsiteX17" fmla="*/ 146050 w 508000"/>
                  <a:gd name="connsiteY17" fmla="*/ 806450 h 1000125"/>
                  <a:gd name="connsiteX18" fmla="*/ 206375 w 508000"/>
                  <a:gd name="connsiteY18" fmla="*/ 819150 h 1000125"/>
                  <a:gd name="connsiteX19" fmla="*/ 320675 w 508000"/>
                  <a:gd name="connsiteY19" fmla="*/ 873125 h 1000125"/>
                  <a:gd name="connsiteX20" fmla="*/ 365125 w 508000"/>
                  <a:gd name="connsiteY20" fmla="*/ 936625 h 1000125"/>
                  <a:gd name="connsiteX21" fmla="*/ 508000 w 508000"/>
                  <a:gd name="connsiteY21" fmla="*/ 1000125 h 1000125"/>
                  <a:gd name="connsiteX0" fmla="*/ 366256 w 508000"/>
                  <a:gd name="connsiteY0" fmla="*/ 0 h 1016143"/>
                  <a:gd name="connsiteX1" fmla="*/ 316586 w 508000"/>
                  <a:gd name="connsiteY1" fmla="*/ 59819 h 1016143"/>
                  <a:gd name="connsiteX2" fmla="*/ 260350 w 508000"/>
                  <a:gd name="connsiteY2" fmla="*/ 75189 h 1016143"/>
                  <a:gd name="connsiteX3" fmla="*/ 210303 w 508000"/>
                  <a:gd name="connsiteY3" fmla="*/ 84208 h 1016143"/>
                  <a:gd name="connsiteX4" fmla="*/ 184150 w 508000"/>
                  <a:gd name="connsiteY4" fmla="*/ 144028 h 1016143"/>
                  <a:gd name="connsiteX5" fmla="*/ 158750 w 508000"/>
                  <a:gd name="connsiteY5" fmla="*/ 169285 h 1016143"/>
                  <a:gd name="connsiteX6" fmla="*/ 111502 w 508000"/>
                  <a:gd name="connsiteY6" fmla="*/ 202695 h 1016143"/>
                  <a:gd name="connsiteX7" fmla="*/ 0 w 508000"/>
                  <a:gd name="connsiteY7" fmla="*/ 254143 h 1016143"/>
                  <a:gd name="connsiteX8" fmla="*/ 53975 w 508000"/>
                  <a:gd name="connsiteY8" fmla="*/ 301768 h 1016143"/>
                  <a:gd name="connsiteX9" fmla="*/ 114300 w 508000"/>
                  <a:gd name="connsiteY9" fmla="*/ 343043 h 1016143"/>
                  <a:gd name="connsiteX10" fmla="*/ 155575 w 508000"/>
                  <a:gd name="connsiteY10" fmla="*/ 381143 h 1016143"/>
                  <a:gd name="connsiteX11" fmla="*/ 155575 w 508000"/>
                  <a:gd name="connsiteY11" fmla="*/ 381143 h 1016143"/>
                  <a:gd name="connsiteX12" fmla="*/ 174625 w 508000"/>
                  <a:gd name="connsiteY12" fmla="*/ 422418 h 1016143"/>
                  <a:gd name="connsiteX13" fmla="*/ 146050 w 508000"/>
                  <a:gd name="connsiteY13" fmla="*/ 520843 h 1016143"/>
                  <a:gd name="connsiteX14" fmla="*/ 111125 w 508000"/>
                  <a:gd name="connsiteY14" fmla="*/ 574818 h 1016143"/>
                  <a:gd name="connsiteX15" fmla="*/ 130175 w 508000"/>
                  <a:gd name="connsiteY15" fmla="*/ 647843 h 1016143"/>
                  <a:gd name="connsiteX16" fmla="*/ 98425 w 508000"/>
                  <a:gd name="connsiteY16" fmla="*/ 682768 h 1016143"/>
                  <a:gd name="connsiteX17" fmla="*/ 146050 w 508000"/>
                  <a:gd name="connsiteY17" fmla="*/ 822468 h 1016143"/>
                  <a:gd name="connsiteX18" fmla="*/ 206375 w 508000"/>
                  <a:gd name="connsiteY18" fmla="*/ 835168 h 1016143"/>
                  <a:gd name="connsiteX19" fmla="*/ 320675 w 508000"/>
                  <a:gd name="connsiteY19" fmla="*/ 889143 h 1016143"/>
                  <a:gd name="connsiteX20" fmla="*/ 365125 w 508000"/>
                  <a:gd name="connsiteY20" fmla="*/ 952643 h 1016143"/>
                  <a:gd name="connsiteX21" fmla="*/ 508000 w 508000"/>
                  <a:gd name="connsiteY21" fmla="*/ 1016143 h 1016143"/>
                  <a:gd name="connsiteX0" fmla="*/ 316586 w 508000"/>
                  <a:gd name="connsiteY0" fmla="*/ 0 h 956324"/>
                  <a:gd name="connsiteX1" fmla="*/ 260350 w 508000"/>
                  <a:gd name="connsiteY1" fmla="*/ 15370 h 956324"/>
                  <a:gd name="connsiteX2" fmla="*/ 210303 w 508000"/>
                  <a:gd name="connsiteY2" fmla="*/ 24389 h 956324"/>
                  <a:gd name="connsiteX3" fmla="*/ 184150 w 508000"/>
                  <a:gd name="connsiteY3" fmla="*/ 84209 h 956324"/>
                  <a:gd name="connsiteX4" fmla="*/ 158750 w 508000"/>
                  <a:gd name="connsiteY4" fmla="*/ 109466 h 956324"/>
                  <a:gd name="connsiteX5" fmla="*/ 111502 w 508000"/>
                  <a:gd name="connsiteY5" fmla="*/ 142876 h 956324"/>
                  <a:gd name="connsiteX6" fmla="*/ 0 w 508000"/>
                  <a:gd name="connsiteY6" fmla="*/ 194324 h 956324"/>
                  <a:gd name="connsiteX7" fmla="*/ 53975 w 508000"/>
                  <a:gd name="connsiteY7" fmla="*/ 241949 h 956324"/>
                  <a:gd name="connsiteX8" fmla="*/ 114300 w 508000"/>
                  <a:gd name="connsiteY8" fmla="*/ 283224 h 956324"/>
                  <a:gd name="connsiteX9" fmla="*/ 155575 w 508000"/>
                  <a:gd name="connsiteY9" fmla="*/ 321324 h 956324"/>
                  <a:gd name="connsiteX10" fmla="*/ 155575 w 508000"/>
                  <a:gd name="connsiteY10" fmla="*/ 321324 h 956324"/>
                  <a:gd name="connsiteX11" fmla="*/ 174625 w 508000"/>
                  <a:gd name="connsiteY11" fmla="*/ 362599 h 956324"/>
                  <a:gd name="connsiteX12" fmla="*/ 146050 w 508000"/>
                  <a:gd name="connsiteY12" fmla="*/ 461024 h 956324"/>
                  <a:gd name="connsiteX13" fmla="*/ 111125 w 508000"/>
                  <a:gd name="connsiteY13" fmla="*/ 514999 h 956324"/>
                  <a:gd name="connsiteX14" fmla="*/ 130175 w 508000"/>
                  <a:gd name="connsiteY14" fmla="*/ 588024 h 956324"/>
                  <a:gd name="connsiteX15" fmla="*/ 98425 w 508000"/>
                  <a:gd name="connsiteY15" fmla="*/ 622949 h 956324"/>
                  <a:gd name="connsiteX16" fmla="*/ 146050 w 508000"/>
                  <a:gd name="connsiteY16" fmla="*/ 762649 h 956324"/>
                  <a:gd name="connsiteX17" fmla="*/ 206375 w 508000"/>
                  <a:gd name="connsiteY17" fmla="*/ 775349 h 956324"/>
                  <a:gd name="connsiteX18" fmla="*/ 320675 w 508000"/>
                  <a:gd name="connsiteY18" fmla="*/ 829324 h 956324"/>
                  <a:gd name="connsiteX19" fmla="*/ 365125 w 508000"/>
                  <a:gd name="connsiteY19" fmla="*/ 892824 h 956324"/>
                  <a:gd name="connsiteX20" fmla="*/ 508000 w 508000"/>
                  <a:gd name="connsiteY20" fmla="*/ 956324 h 956324"/>
                  <a:gd name="connsiteX0" fmla="*/ 260350 w 508000"/>
                  <a:gd name="connsiteY0" fmla="*/ 0 h 940954"/>
                  <a:gd name="connsiteX1" fmla="*/ 210303 w 508000"/>
                  <a:gd name="connsiteY1" fmla="*/ 9019 h 940954"/>
                  <a:gd name="connsiteX2" fmla="*/ 184150 w 508000"/>
                  <a:gd name="connsiteY2" fmla="*/ 68839 h 940954"/>
                  <a:gd name="connsiteX3" fmla="*/ 158750 w 508000"/>
                  <a:gd name="connsiteY3" fmla="*/ 94096 h 940954"/>
                  <a:gd name="connsiteX4" fmla="*/ 111502 w 508000"/>
                  <a:gd name="connsiteY4" fmla="*/ 127506 h 940954"/>
                  <a:gd name="connsiteX5" fmla="*/ 0 w 508000"/>
                  <a:gd name="connsiteY5" fmla="*/ 178954 h 940954"/>
                  <a:gd name="connsiteX6" fmla="*/ 53975 w 508000"/>
                  <a:gd name="connsiteY6" fmla="*/ 226579 h 940954"/>
                  <a:gd name="connsiteX7" fmla="*/ 114300 w 508000"/>
                  <a:gd name="connsiteY7" fmla="*/ 267854 h 940954"/>
                  <a:gd name="connsiteX8" fmla="*/ 155575 w 508000"/>
                  <a:gd name="connsiteY8" fmla="*/ 305954 h 940954"/>
                  <a:gd name="connsiteX9" fmla="*/ 155575 w 508000"/>
                  <a:gd name="connsiteY9" fmla="*/ 305954 h 940954"/>
                  <a:gd name="connsiteX10" fmla="*/ 174625 w 508000"/>
                  <a:gd name="connsiteY10" fmla="*/ 347229 h 940954"/>
                  <a:gd name="connsiteX11" fmla="*/ 146050 w 508000"/>
                  <a:gd name="connsiteY11" fmla="*/ 445654 h 940954"/>
                  <a:gd name="connsiteX12" fmla="*/ 111125 w 508000"/>
                  <a:gd name="connsiteY12" fmla="*/ 499629 h 940954"/>
                  <a:gd name="connsiteX13" fmla="*/ 130175 w 508000"/>
                  <a:gd name="connsiteY13" fmla="*/ 572654 h 940954"/>
                  <a:gd name="connsiteX14" fmla="*/ 98425 w 508000"/>
                  <a:gd name="connsiteY14" fmla="*/ 607579 h 940954"/>
                  <a:gd name="connsiteX15" fmla="*/ 146050 w 508000"/>
                  <a:gd name="connsiteY15" fmla="*/ 747279 h 940954"/>
                  <a:gd name="connsiteX16" fmla="*/ 206375 w 508000"/>
                  <a:gd name="connsiteY16" fmla="*/ 759979 h 940954"/>
                  <a:gd name="connsiteX17" fmla="*/ 320675 w 508000"/>
                  <a:gd name="connsiteY17" fmla="*/ 813954 h 940954"/>
                  <a:gd name="connsiteX18" fmla="*/ 365125 w 508000"/>
                  <a:gd name="connsiteY18" fmla="*/ 877454 h 940954"/>
                  <a:gd name="connsiteX19" fmla="*/ 508000 w 508000"/>
                  <a:gd name="connsiteY19" fmla="*/ 940954 h 940954"/>
                  <a:gd name="connsiteX0" fmla="*/ 210303 w 508000"/>
                  <a:gd name="connsiteY0" fmla="*/ 0 h 931935"/>
                  <a:gd name="connsiteX1" fmla="*/ 184150 w 508000"/>
                  <a:gd name="connsiteY1" fmla="*/ 59820 h 931935"/>
                  <a:gd name="connsiteX2" fmla="*/ 158750 w 508000"/>
                  <a:gd name="connsiteY2" fmla="*/ 85077 h 931935"/>
                  <a:gd name="connsiteX3" fmla="*/ 111502 w 508000"/>
                  <a:gd name="connsiteY3" fmla="*/ 118487 h 931935"/>
                  <a:gd name="connsiteX4" fmla="*/ 0 w 508000"/>
                  <a:gd name="connsiteY4" fmla="*/ 169935 h 931935"/>
                  <a:gd name="connsiteX5" fmla="*/ 53975 w 508000"/>
                  <a:gd name="connsiteY5" fmla="*/ 217560 h 931935"/>
                  <a:gd name="connsiteX6" fmla="*/ 114300 w 508000"/>
                  <a:gd name="connsiteY6" fmla="*/ 258835 h 931935"/>
                  <a:gd name="connsiteX7" fmla="*/ 155575 w 508000"/>
                  <a:gd name="connsiteY7" fmla="*/ 296935 h 931935"/>
                  <a:gd name="connsiteX8" fmla="*/ 155575 w 508000"/>
                  <a:gd name="connsiteY8" fmla="*/ 296935 h 931935"/>
                  <a:gd name="connsiteX9" fmla="*/ 174625 w 508000"/>
                  <a:gd name="connsiteY9" fmla="*/ 338210 h 931935"/>
                  <a:gd name="connsiteX10" fmla="*/ 146050 w 508000"/>
                  <a:gd name="connsiteY10" fmla="*/ 436635 h 931935"/>
                  <a:gd name="connsiteX11" fmla="*/ 111125 w 508000"/>
                  <a:gd name="connsiteY11" fmla="*/ 490610 h 931935"/>
                  <a:gd name="connsiteX12" fmla="*/ 130175 w 508000"/>
                  <a:gd name="connsiteY12" fmla="*/ 563635 h 931935"/>
                  <a:gd name="connsiteX13" fmla="*/ 98425 w 508000"/>
                  <a:gd name="connsiteY13" fmla="*/ 598560 h 931935"/>
                  <a:gd name="connsiteX14" fmla="*/ 146050 w 508000"/>
                  <a:gd name="connsiteY14" fmla="*/ 738260 h 931935"/>
                  <a:gd name="connsiteX15" fmla="*/ 206375 w 508000"/>
                  <a:gd name="connsiteY15" fmla="*/ 750960 h 931935"/>
                  <a:gd name="connsiteX16" fmla="*/ 320675 w 508000"/>
                  <a:gd name="connsiteY16" fmla="*/ 804935 h 931935"/>
                  <a:gd name="connsiteX17" fmla="*/ 365125 w 508000"/>
                  <a:gd name="connsiteY17" fmla="*/ 868435 h 931935"/>
                  <a:gd name="connsiteX18" fmla="*/ 508000 w 508000"/>
                  <a:gd name="connsiteY18" fmla="*/ 931935 h 931935"/>
                  <a:gd name="connsiteX0" fmla="*/ 184150 w 508000"/>
                  <a:gd name="connsiteY0" fmla="*/ 0 h 872115"/>
                  <a:gd name="connsiteX1" fmla="*/ 158750 w 508000"/>
                  <a:gd name="connsiteY1" fmla="*/ 25257 h 872115"/>
                  <a:gd name="connsiteX2" fmla="*/ 111502 w 508000"/>
                  <a:gd name="connsiteY2" fmla="*/ 58667 h 872115"/>
                  <a:gd name="connsiteX3" fmla="*/ 0 w 508000"/>
                  <a:gd name="connsiteY3" fmla="*/ 110115 h 872115"/>
                  <a:gd name="connsiteX4" fmla="*/ 53975 w 508000"/>
                  <a:gd name="connsiteY4" fmla="*/ 157740 h 872115"/>
                  <a:gd name="connsiteX5" fmla="*/ 114300 w 508000"/>
                  <a:gd name="connsiteY5" fmla="*/ 199015 h 872115"/>
                  <a:gd name="connsiteX6" fmla="*/ 155575 w 508000"/>
                  <a:gd name="connsiteY6" fmla="*/ 237115 h 872115"/>
                  <a:gd name="connsiteX7" fmla="*/ 155575 w 508000"/>
                  <a:gd name="connsiteY7" fmla="*/ 237115 h 872115"/>
                  <a:gd name="connsiteX8" fmla="*/ 174625 w 508000"/>
                  <a:gd name="connsiteY8" fmla="*/ 278390 h 872115"/>
                  <a:gd name="connsiteX9" fmla="*/ 146050 w 508000"/>
                  <a:gd name="connsiteY9" fmla="*/ 376815 h 872115"/>
                  <a:gd name="connsiteX10" fmla="*/ 111125 w 508000"/>
                  <a:gd name="connsiteY10" fmla="*/ 430790 h 872115"/>
                  <a:gd name="connsiteX11" fmla="*/ 130175 w 508000"/>
                  <a:gd name="connsiteY11" fmla="*/ 503815 h 872115"/>
                  <a:gd name="connsiteX12" fmla="*/ 98425 w 508000"/>
                  <a:gd name="connsiteY12" fmla="*/ 538740 h 872115"/>
                  <a:gd name="connsiteX13" fmla="*/ 146050 w 508000"/>
                  <a:gd name="connsiteY13" fmla="*/ 678440 h 872115"/>
                  <a:gd name="connsiteX14" fmla="*/ 206375 w 508000"/>
                  <a:gd name="connsiteY14" fmla="*/ 691140 h 872115"/>
                  <a:gd name="connsiteX15" fmla="*/ 320675 w 508000"/>
                  <a:gd name="connsiteY15" fmla="*/ 745115 h 872115"/>
                  <a:gd name="connsiteX16" fmla="*/ 365125 w 508000"/>
                  <a:gd name="connsiteY16" fmla="*/ 808615 h 872115"/>
                  <a:gd name="connsiteX17" fmla="*/ 508000 w 508000"/>
                  <a:gd name="connsiteY17" fmla="*/ 872115 h 872115"/>
                  <a:gd name="connsiteX0" fmla="*/ 184150 w 508000"/>
                  <a:gd name="connsiteY0" fmla="*/ 0 h 872115"/>
                  <a:gd name="connsiteX1" fmla="*/ 111502 w 508000"/>
                  <a:gd name="connsiteY1" fmla="*/ 58667 h 872115"/>
                  <a:gd name="connsiteX2" fmla="*/ 0 w 508000"/>
                  <a:gd name="connsiteY2" fmla="*/ 110115 h 872115"/>
                  <a:gd name="connsiteX3" fmla="*/ 53975 w 508000"/>
                  <a:gd name="connsiteY3" fmla="*/ 157740 h 872115"/>
                  <a:gd name="connsiteX4" fmla="*/ 114300 w 508000"/>
                  <a:gd name="connsiteY4" fmla="*/ 199015 h 872115"/>
                  <a:gd name="connsiteX5" fmla="*/ 155575 w 508000"/>
                  <a:gd name="connsiteY5" fmla="*/ 237115 h 872115"/>
                  <a:gd name="connsiteX6" fmla="*/ 155575 w 508000"/>
                  <a:gd name="connsiteY6" fmla="*/ 237115 h 872115"/>
                  <a:gd name="connsiteX7" fmla="*/ 174625 w 508000"/>
                  <a:gd name="connsiteY7" fmla="*/ 278390 h 872115"/>
                  <a:gd name="connsiteX8" fmla="*/ 146050 w 508000"/>
                  <a:gd name="connsiteY8" fmla="*/ 376815 h 872115"/>
                  <a:gd name="connsiteX9" fmla="*/ 111125 w 508000"/>
                  <a:gd name="connsiteY9" fmla="*/ 430790 h 872115"/>
                  <a:gd name="connsiteX10" fmla="*/ 130175 w 508000"/>
                  <a:gd name="connsiteY10" fmla="*/ 503815 h 872115"/>
                  <a:gd name="connsiteX11" fmla="*/ 98425 w 508000"/>
                  <a:gd name="connsiteY11" fmla="*/ 538740 h 872115"/>
                  <a:gd name="connsiteX12" fmla="*/ 146050 w 508000"/>
                  <a:gd name="connsiteY12" fmla="*/ 678440 h 872115"/>
                  <a:gd name="connsiteX13" fmla="*/ 206375 w 508000"/>
                  <a:gd name="connsiteY13" fmla="*/ 691140 h 872115"/>
                  <a:gd name="connsiteX14" fmla="*/ 320675 w 508000"/>
                  <a:gd name="connsiteY14" fmla="*/ 745115 h 872115"/>
                  <a:gd name="connsiteX15" fmla="*/ 365125 w 508000"/>
                  <a:gd name="connsiteY15" fmla="*/ 808615 h 872115"/>
                  <a:gd name="connsiteX16" fmla="*/ 508000 w 508000"/>
                  <a:gd name="connsiteY16" fmla="*/ 872115 h 872115"/>
                  <a:gd name="connsiteX0" fmla="*/ 167180 w 508000"/>
                  <a:gd name="connsiteY0" fmla="*/ 0 h 850757"/>
                  <a:gd name="connsiteX1" fmla="*/ 111502 w 508000"/>
                  <a:gd name="connsiteY1" fmla="*/ 37309 h 850757"/>
                  <a:gd name="connsiteX2" fmla="*/ 0 w 508000"/>
                  <a:gd name="connsiteY2" fmla="*/ 88757 h 850757"/>
                  <a:gd name="connsiteX3" fmla="*/ 53975 w 508000"/>
                  <a:gd name="connsiteY3" fmla="*/ 136382 h 850757"/>
                  <a:gd name="connsiteX4" fmla="*/ 114300 w 508000"/>
                  <a:gd name="connsiteY4" fmla="*/ 177657 h 850757"/>
                  <a:gd name="connsiteX5" fmla="*/ 155575 w 508000"/>
                  <a:gd name="connsiteY5" fmla="*/ 215757 h 850757"/>
                  <a:gd name="connsiteX6" fmla="*/ 155575 w 508000"/>
                  <a:gd name="connsiteY6" fmla="*/ 215757 h 850757"/>
                  <a:gd name="connsiteX7" fmla="*/ 174625 w 508000"/>
                  <a:gd name="connsiteY7" fmla="*/ 257032 h 850757"/>
                  <a:gd name="connsiteX8" fmla="*/ 146050 w 508000"/>
                  <a:gd name="connsiteY8" fmla="*/ 355457 h 850757"/>
                  <a:gd name="connsiteX9" fmla="*/ 111125 w 508000"/>
                  <a:gd name="connsiteY9" fmla="*/ 409432 h 850757"/>
                  <a:gd name="connsiteX10" fmla="*/ 130175 w 508000"/>
                  <a:gd name="connsiteY10" fmla="*/ 482457 h 850757"/>
                  <a:gd name="connsiteX11" fmla="*/ 98425 w 508000"/>
                  <a:gd name="connsiteY11" fmla="*/ 517382 h 850757"/>
                  <a:gd name="connsiteX12" fmla="*/ 146050 w 508000"/>
                  <a:gd name="connsiteY12" fmla="*/ 657082 h 850757"/>
                  <a:gd name="connsiteX13" fmla="*/ 206375 w 508000"/>
                  <a:gd name="connsiteY13" fmla="*/ 669782 h 850757"/>
                  <a:gd name="connsiteX14" fmla="*/ 320675 w 508000"/>
                  <a:gd name="connsiteY14" fmla="*/ 723757 h 850757"/>
                  <a:gd name="connsiteX15" fmla="*/ 365125 w 508000"/>
                  <a:gd name="connsiteY15" fmla="*/ 787257 h 850757"/>
                  <a:gd name="connsiteX16" fmla="*/ 508000 w 508000"/>
                  <a:gd name="connsiteY16" fmla="*/ 850757 h 8507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508000" h="850757">
                    <a:moveTo>
                      <a:pt x="167180" y="0"/>
                    </a:moveTo>
                    <a:lnTo>
                      <a:pt x="111502" y="37309"/>
                    </a:lnTo>
                    <a:lnTo>
                      <a:pt x="0" y="88757"/>
                    </a:lnTo>
                    <a:lnTo>
                      <a:pt x="53975" y="136382"/>
                    </a:lnTo>
                    <a:lnTo>
                      <a:pt x="114300" y="177657"/>
                    </a:lnTo>
                    <a:lnTo>
                      <a:pt x="155575" y="215757"/>
                    </a:lnTo>
                    <a:lnTo>
                      <a:pt x="155575" y="215757"/>
                    </a:lnTo>
                    <a:lnTo>
                      <a:pt x="174625" y="257032"/>
                    </a:lnTo>
                    <a:lnTo>
                      <a:pt x="146050" y="355457"/>
                    </a:lnTo>
                    <a:cubicBezTo>
                      <a:pt x="158750" y="371332"/>
                      <a:pt x="98425" y="393557"/>
                      <a:pt x="111125" y="409432"/>
                    </a:cubicBezTo>
                    <a:lnTo>
                      <a:pt x="130175" y="482457"/>
                    </a:lnTo>
                    <a:cubicBezTo>
                      <a:pt x="128058" y="500449"/>
                      <a:pt x="92075" y="485103"/>
                      <a:pt x="98425" y="517382"/>
                    </a:cubicBezTo>
                    <a:lnTo>
                      <a:pt x="146050" y="657082"/>
                    </a:lnTo>
                    <a:cubicBezTo>
                      <a:pt x="162983" y="666607"/>
                      <a:pt x="189442" y="660257"/>
                      <a:pt x="206375" y="669782"/>
                    </a:cubicBezTo>
                    <a:cubicBezTo>
                      <a:pt x="254529" y="694124"/>
                      <a:pt x="270404" y="693595"/>
                      <a:pt x="320675" y="723757"/>
                    </a:cubicBezTo>
                    <a:cubicBezTo>
                      <a:pt x="355600" y="742278"/>
                      <a:pt x="333904" y="766090"/>
                      <a:pt x="365125" y="787257"/>
                    </a:cubicBezTo>
                    <a:cubicBezTo>
                      <a:pt x="396346" y="808424"/>
                      <a:pt x="492654" y="839115"/>
                      <a:pt x="508000" y="850757"/>
                    </a:cubicBez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フリーフォーム 69"/>
              <p:cNvSpPr/>
              <p:nvPr/>
            </p:nvSpPr>
            <p:spPr>
              <a:xfrm>
                <a:off x="11458231" y="6061182"/>
                <a:ext cx="184237" cy="900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81050"/>
                  <a:gd name="connsiteY0" fmla="*/ 0 h 123825"/>
                  <a:gd name="connsiteX1" fmla="*/ 63500 w 781050"/>
                  <a:gd name="connsiteY1" fmla="*/ 12700 h 123825"/>
                  <a:gd name="connsiteX2" fmla="*/ 111125 w 781050"/>
                  <a:gd name="connsiteY2" fmla="*/ 53975 h 123825"/>
                  <a:gd name="connsiteX3" fmla="*/ 184150 w 781050"/>
                  <a:gd name="connsiteY3" fmla="*/ 123825 h 123825"/>
                  <a:gd name="connsiteX4" fmla="*/ 234950 w 781050"/>
                  <a:gd name="connsiteY4" fmla="*/ 117475 h 123825"/>
                  <a:gd name="connsiteX5" fmla="*/ 301625 w 781050"/>
                  <a:gd name="connsiteY5" fmla="*/ 76200 h 123825"/>
                  <a:gd name="connsiteX6" fmla="*/ 381000 w 781050"/>
                  <a:gd name="connsiteY6" fmla="*/ 38100 h 123825"/>
                  <a:gd name="connsiteX7" fmla="*/ 466725 w 781050"/>
                  <a:gd name="connsiteY7" fmla="*/ 38100 h 123825"/>
                  <a:gd name="connsiteX8" fmla="*/ 593725 w 781050"/>
                  <a:gd name="connsiteY8" fmla="*/ 31750 h 123825"/>
                  <a:gd name="connsiteX9" fmla="*/ 701675 w 781050"/>
                  <a:gd name="connsiteY9" fmla="*/ 31750 h 123825"/>
                  <a:gd name="connsiteX10" fmla="*/ 752475 w 781050"/>
                  <a:gd name="connsiteY10" fmla="*/ 31750 h 123825"/>
                  <a:gd name="connsiteX11" fmla="*/ 781050 w 781050"/>
                  <a:gd name="connsiteY11" fmla="*/ 31750 h 123825"/>
                  <a:gd name="connsiteX0" fmla="*/ 0 w 752475"/>
                  <a:gd name="connsiteY0" fmla="*/ 0 h 123825"/>
                  <a:gd name="connsiteX1" fmla="*/ 63500 w 752475"/>
                  <a:gd name="connsiteY1" fmla="*/ 12700 h 123825"/>
                  <a:gd name="connsiteX2" fmla="*/ 111125 w 752475"/>
                  <a:gd name="connsiteY2" fmla="*/ 53975 h 123825"/>
                  <a:gd name="connsiteX3" fmla="*/ 184150 w 752475"/>
                  <a:gd name="connsiteY3" fmla="*/ 123825 h 123825"/>
                  <a:gd name="connsiteX4" fmla="*/ 234950 w 752475"/>
                  <a:gd name="connsiteY4" fmla="*/ 117475 h 123825"/>
                  <a:gd name="connsiteX5" fmla="*/ 301625 w 752475"/>
                  <a:gd name="connsiteY5" fmla="*/ 76200 h 123825"/>
                  <a:gd name="connsiteX6" fmla="*/ 381000 w 752475"/>
                  <a:gd name="connsiteY6" fmla="*/ 38100 h 123825"/>
                  <a:gd name="connsiteX7" fmla="*/ 466725 w 752475"/>
                  <a:gd name="connsiteY7" fmla="*/ 38100 h 123825"/>
                  <a:gd name="connsiteX8" fmla="*/ 593725 w 752475"/>
                  <a:gd name="connsiteY8" fmla="*/ 31750 h 123825"/>
                  <a:gd name="connsiteX9" fmla="*/ 701675 w 752475"/>
                  <a:gd name="connsiteY9" fmla="*/ 31750 h 123825"/>
                  <a:gd name="connsiteX10" fmla="*/ 752475 w 752475"/>
                  <a:gd name="connsiteY10" fmla="*/ 31750 h 123825"/>
                  <a:gd name="connsiteX0" fmla="*/ 0 w 701675"/>
                  <a:gd name="connsiteY0" fmla="*/ 0 h 123825"/>
                  <a:gd name="connsiteX1" fmla="*/ 63500 w 701675"/>
                  <a:gd name="connsiteY1" fmla="*/ 12700 h 123825"/>
                  <a:gd name="connsiteX2" fmla="*/ 111125 w 701675"/>
                  <a:gd name="connsiteY2" fmla="*/ 53975 h 123825"/>
                  <a:gd name="connsiteX3" fmla="*/ 184150 w 701675"/>
                  <a:gd name="connsiteY3" fmla="*/ 123825 h 123825"/>
                  <a:gd name="connsiteX4" fmla="*/ 234950 w 701675"/>
                  <a:gd name="connsiteY4" fmla="*/ 117475 h 123825"/>
                  <a:gd name="connsiteX5" fmla="*/ 301625 w 701675"/>
                  <a:gd name="connsiteY5" fmla="*/ 76200 h 123825"/>
                  <a:gd name="connsiteX6" fmla="*/ 381000 w 701675"/>
                  <a:gd name="connsiteY6" fmla="*/ 38100 h 123825"/>
                  <a:gd name="connsiteX7" fmla="*/ 466725 w 701675"/>
                  <a:gd name="connsiteY7" fmla="*/ 38100 h 123825"/>
                  <a:gd name="connsiteX8" fmla="*/ 593725 w 701675"/>
                  <a:gd name="connsiteY8" fmla="*/ 31750 h 123825"/>
                  <a:gd name="connsiteX9" fmla="*/ 701675 w 701675"/>
                  <a:gd name="connsiteY9" fmla="*/ 31750 h 123825"/>
                  <a:gd name="connsiteX0" fmla="*/ 0 w 593725"/>
                  <a:gd name="connsiteY0" fmla="*/ 0 h 123825"/>
                  <a:gd name="connsiteX1" fmla="*/ 63500 w 593725"/>
                  <a:gd name="connsiteY1" fmla="*/ 12700 h 123825"/>
                  <a:gd name="connsiteX2" fmla="*/ 111125 w 593725"/>
                  <a:gd name="connsiteY2" fmla="*/ 53975 h 123825"/>
                  <a:gd name="connsiteX3" fmla="*/ 184150 w 593725"/>
                  <a:gd name="connsiteY3" fmla="*/ 123825 h 123825"/>
                  <a:gd name="connsiteX4" fmla="*/ 234950 w 593725"/>
                  <a:gd name="connsiteY4" fmla="*/ 117475 h 123825"/>
                  <a:gd name="connsiteX5" fmla="*/ 301625 w 593725"/>
                  <a:gd name="connsiteY5" fmla="*/ 76200 h 123825"/>
                  <a:gd name="connsiteX6" fmla="*/ 381000 w 593725"/>
                  <a:gd name="connsiteY6" fmla="*/ 38100 h 123825"/>
                  <a:gd name="connsiteX7" fmla="*/ 466725 w 593725"/>
                  <a:gd name="connsiteY7" fmla="*/ 38100 h 123825"/>
                  <a:gd name="connsiteX8" fmla="*/ 593725 w 593725"/>
                  <a:gd name="connsiteY8" fmla="*/ 31750 h 123825"/>
                  <a:gd name="connsiteX0" fmla="*/ 0 w 466725"/>
                  <a:gd name="connsiteY0" fmla="*/ 0 h 123825"/>
                  <a:gd name="connsiteX1" fmla="*/ 63500 w 466725"/>
                  <a:gd name="connsiteY1" fmla="*/ 12700 h 123825"/>
                  <a:gd name="connsiteX2" fmla="*/ 111125 w 466725"/>
                  <a:gd name="connsiteY2" fmla="*/ 53975 h 123825"/>
                  <a:gd name="connsiteX3" fmla="*/ 184150 w 466725"/>
                  <a:gd name="connsiteY3" fmla="*/ 123825 h 123825"/>
                  <a:gd name="connsiteX4" fmla="*/ 234950 w 466725"/>
                  <a:gd name="connsiteY4" fmla="*/ 117475 h 123825"/>
                  <a:gd name="connsiteX5" fmla="*/ 301625 w 466725"/>
                  <a:gd name="connsiteY5" fmla="*/ 76200 h 123825"/>
                  <a:gd name="connsiteX6" fmla="*/ 381000 w 466725"/>
                  <a:gd name="connsiteY6" fmla="*/ 38100 h 123825"/>
                  <a:gd name="connsiteX7" fmla="*/ 466725 w 466725"/>
                  <a:gd name="connsiteY7" fmla="*/ 38100 h 123825"/>
                  <a:gd name="connsiteX0" fmla="*/ 0 w 381000"/>
                  <a:gd name="connsiteY0" fmla="*/ 0 h 123825"/>
                  <a:gd name="connsiteX1" fmla="*/ 63500 w 381000"/>
                  <a:gd name="connsiteY1" fmla="*/ 12700 h 123825"/>
                  <a:gd name="connsiteX2" fmla="*/ 111125 w 381000"/>
                  <a:gd name="connsiteY2" fmla="*/ 53975 h 123825"/>
                  <a:gd name="connsiteX3" fmla="*/ 184150 w 381000"/>
                  <a:gd name="connsiteY3" fmla="*/ 123825 h 123825"/>
                  <a:gd name="connsiteX4" fmla="*/ 234950 w 381000"/>
                  <a:gd name="connsiteY4" fmla="*/ 117475 h 123825"/>
                  <a:gd name="connsiteX5" fmla="*/ 301625 w 381000"/>
                  <a:gd name="connsiteY5" fmla="*/ 76200 h 123825"/>
                  <a:gd name="connsiteX6" fmla="*/ 381000 w 381000"/>
                  <a:gd name="connsiteY6" fmla="*/ 38100 h 123825"/>
                  <a:gd name="connsiteX0" fmla="*/ 0 w 301625"/>
                  <a:gd name="connsiteY0" fmla="*/ 0 h 123825"/>
                  <a:gd name="connsiteX1" fmla="*/ 63500 w 301625"/>
                  <a:gd name="connsiteY1" fmla="*/ 12700 h 123825"/>
                  <a:gd name="connsiteX2" fmla="*/ 111125 w 301625"/>
                  <a:gd name="connsiteY2" fmla="*/ 53975 h 123825"/>
                  <a:gd name="connsiteX3" fmla="*/ 184150 w 301625"/>
                  <a:gd name="connsiteY3" fmla="*/ 123825 h 123825"/>
                  <a:gd name="connsiteX4" fmla="*/ 234950 w 301625"/>
                  <a:gd name="connsiteY4" fmla="*/ 117475 h 123825"/>
                  <a:gd name="connsiteX5" fmla="*/ 301625 w 301625"/>
                  <a:gd name="connsiteY5" fmla="*/ 76200 h 123825"/>
                  <a:gd name="connsiteX0" fmla="*/ 0 w 234950"/>
                  <a:gd name="connsiteY0" fmla="*/ 0 h 123825"/>
                  <a:gd name="connsiteX1" fmla="*/ 63500 w 234950"/>
                  <a:gd name="connsiteY1" fmla="*/ 12700 h 123825"/>
                  <a:gd name="connsiteX2" fmla="*/ 111125 w 234950"/>
                  <a:gd name="connsiteY2" fmla="*/ 53975 h 123825"/>
                  <a:gd name="connsiteX3" fmla="*/ 184150 w 234950"/>
                  <a:gd name="connsiteY3" fmla="*/ 123825 h 123825"/>
                  <a:gd name="connsiteX4" fmla="*/ 234950 w 234950"/>
                  <a:gd name="connsiteY4" fmla="*/ 117475 h 123825"/>
                  <a:gd name="connsiteX0" fmla="*/ 0 w 184151"/>
                  <a:gd name="connsiteY0" fmla="*/ 0 h 123825"/>
                  <a:gd name="connsiteX1" fmla="*/ 63500 w 184151"/>
                  <a:gd name="connsiteY1" fmla="*/ 12700 h 123825"/>
                  <a:gd name="connsiteX2" fmla="*/ 111125 w 184151"/>
                  <a:gd name="connsiteY2" fmla="*/ 53975 h 123825"/>
                  <a:gd name="connsiteX3" fmla="*/ 184150 w 184151"/>
                  <a:gd name="connsiteY3" fmla="*/ 123825 h 123825"/>
                  <a:gd name="connsiteX0" fmla="*/ 0 w 111125"/>
                  <a:gd name="connsiteY0" fmla="*/ 0 h 53975"/>
                  <a:gd name="connsiteX1" fmla="*/ 63500 w 111125"/>
                  <a:gd name="connsiteY1" fmla="*/ 12700 h 53975"/>
                  <a:gd name="connsiteX2" fmla="*/ 111125 w 111125"/>
                  <a:gd name="connsiteY2" fmla="*/ 53975 h 53975"/>
                  <a:gd name="connsiteX0" fmla="*/ 0 w 140109"/>
                  <a:gd name="connsiteY0" fmla="*/ 0 h 64758"/>
                  <a:gd name="connsiteX1" fmla="*/ 63500 w 140109"/>
                  <a:gd name="connsiteY1" fmla="*/ 12700 h 64758"/>
                  <a:gd name="connsiteX2" fmla="*/ 140109 w 140109"/>
                  <a:gd name="connsiteY2" fmla="*/ 64758 h 64758"/>
                  <a:gd name="connsiteX0" fmla="*/ 0 w 164263"/>
                  <a:gd name="connsiteY0" fmla="*/ 0 h 64758"/>
                  <a:gd name="connsiteX1" fmla="*/ 87654 w 164263"/>
                  <a:gd name="connsiteY1" fmla="*/ 12700 h 64758"/>
                  <a:gd name="connsiteX2" fmla="*/ 164263 w 164263"/>
                  <a:gd name="connsiteY2" fmla="*/ 64758 h 64758"/>
                  <a:gd name="connsiteX0" fmla="*/ 0 w 140110"/>
                  <a:gd name="connsiteY0" fmla="*/ 0 h 53975"/>
                  <a:gd name="connsiteX1" fmla="*/ 87654 w 140110"/>
                  <a:gd name="connsiteY1" fmla="*/ 12700 h 53975"/>
                  <a:gd name="connsiteX2" fmla="*/ 140110 w 140110"/>
                  <a:gd name="connsiteY2" fmla="*/ 53975 h 53975"/>
                  <a:gd name="connsiteX0" fmla="*/ 0 w 164264"/>
                  <a:gd name="connsiteY0" fmla="*/ 0 h 57569"/>
                  <a:gd name="connsiteX1" fmla="*/ 111808 w 164264"/>
                  <a:gd name="connsiteY1" fmla="*/ 16294 h 57569"/>
                  <a:gd name="connsiteX2" fmla="*/ 164264 w 164264"/>
                  <a:gd name="connsiteY2" fmla="*/ 57569 h 57569"/>
                </a:gdLst>
                <a:ahLst/>
                <a:cxnLst>
                  <a:cxn ang="0">
                    <a:pos x="connsiteX0" y="connsiteY0"/>
                  </a:cxn>
                  <a:cxn ang="0">
                    <a:pos x="connsiteX1" y="connsiteY1"/>
                  </a:cxn>
                  <a:cxn ang="0">
                    <a:pos x="connsiteX2" y="connsiteY2"/>
                  </a:cxn>
                </a:cxnLst>
                <a:rect l="l" t="t" r="r" b="b"/>
                <a:pathLst>
                  <a:path w="164264" h="57569">
                    <a:moveTo>
                      <a:pt x="0" y="0"/>
                    </a:moveTo>
                    <a:lnTo>
                      <a:pt x="111808" y="16294"/>
                    </a:lnTo>
                    <a:lnTo>
                      <a:pt x="164264" y="57569"/>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フリーフォーム 70"/>
              <p:cNvSpPr/>
              <p:nvPr/>
            </p:nvSpPr>
            <p:spPr>
              <a:xfrm>
                <a:off x="11792775" y="6105049"/>
                <a:ext cx="518926" cy="5115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17525" h="44450">
                    <a:moveTo>
                      <a:pt x="0" y="44450"/>
                    </a:moveTo>
                    <a:lnTo>
                      <a:pt x="79375" y="6350"/>
                    </a:lnTo>
                    <a:lnTo>
                      <a:pt x="165100" y="6350"/>
                    </a:lnTo>
                    <a:lnTo>
                      <a:pt x="292100" y="0"/>
                    </a:lnTo>
                    <a:lnTo>
                      <a:pt x="400050" y="0"/>
                    </a:lnTo>
                    <a:lnTo>
                      <a:pt x="450850" y="0"/>
                    </a:lnTo>
                    <a:lnTo>
                      <a:pt x="479425" y="0"/>
                    </a:lnTo>
                    <a:lnTo>
                      <a:pt x="517525"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3" name="フリーフォーム 42"/>
            <p:cNvSpPr/>
            <p:nvPr/>
          </p:nvSpPr>
          <p:spPr>
            <a:xfrm>
              <a:off x="9719699" y="7485012"/>
              <a:ext cx="680982" cy="180484"/>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23825"/>
                <a:gd name="connsiteX1" fmla="*/ 101600 w 819150"/>
                <a:gd name="connsiteY1" fmla="*/ 12700 h 123825"/>
                <a:gd name="connsiteX2" fmla="*/ 193675 w 819150"/>
                <a:gd name="connsiteY2" fmla="*/ 38100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819150"/>
                <a:gd name="connsiteY0" fmla="*/ 0 h 117475"/>
                <a:gd name="connsiteX1" fmla="*/ 101600 w 819150"/>
                <a:gd name="connsiteY1" fmla="*/ 12700 h 117475"/>
                <a:gd name="connsiteX2" fmla="*/ 193675 w 819150"/>
                <a:gd name="connsiteY2" fmla="*/ 38100 h 117475"/>
                <a:gd name="connsiteX3" fmla="*/ 234950 w 819150"/>
                <a:gd name="connsiteY3" fmla="*/ 117475 h 117475"/>
                <a:gd name="connsiteX4" fmla="*/ 301625 w 819150"/>
                <a:gd name="connsiteY4" fmla="*/ 76200 h 117475"/>
                <a:gd name="connsiteX5" fmla="*/ 381000 w 819150"/>
                <a:gd name="connsiteY5" fmla="*/ 38100 h 117475"/>
                <a:gd name="connsiteX6" fmla="*/ 466725 w 819150"/>
                <a:gd name="connsiteY6" fmla="*/ 38100 h 117475"/>
                <a:gd name="connsiteX7" fmla="*/ 593725 w 819150"/>
                <a:gd name="connsiteY7" fmla="*/ 31750 h 117475"/>
                <a:gd name="connsiteX8" fmla="*/ 701675 w 819150"/>
                <a:gd name="connsiteY8" fmla="*/ 31750 h 117475"/>
                <a:gd name="connsiteX9" fmla="*/ 752475 w 819150"/>
                <a:gd name="connsiteY9" fmla="*/ 31750 h 117475"/>
                <a:gd name="connsiteX10" fmla="*/ 781050 w 819150"/>
                <a:gd name="connsiteY10" fmla="*/ 31750 h 117475"/>
                <a:gd name="connsiteX11" fmla="*/ 819150 w 819150"/>
                <a:gd name="connsiteY11" fmla="*/ 69850 h 117475"/>
                <a:gd name="connsiteX0" fmla="*/ 0 w 819150"/>
                <a:gd name="connsiteY0" fmla="*/ 0 h 76200"/>
                <a:gd name="connsiteX1" fmla="*/ 101600 w 819150"/>
                <a:gd name="connsiteY1" fmla="*/ 12700 h 76200"/>
                <a:gd name="connsiteX2" fmla="*/ 193675 w 819150"/>
                <a:gd name="connsiteY2" fmla="*/ 38100 h 76200"/>
                <a:gd name="connsiteX3" fmla="*/ 301625 w 819150"/>
                <a:gd name="connsiteY3" fmla="*/ 76200 h 76200"/>
                <a:gd name="connsiteX4" fmla="*/ 381000 w 819150"/>
                <a:gd name="connsiteY4" fmla="*/ 38100 h 76200"/>
                <a:gd name="connsiteX5" fmla="*/ 466725 w 819150"/>
                <a:gd name="connsiteY5" fmla="*/ 38100 h 76200"/>
                <a:gd name="connsiteX6" fmla="*/ 593725 w 819150"/>
                <a:gd name="connsiteY6" fmla="*/ 31750 h 76200"/>
                <a:gd name="connsiteX7" fmla="*/ 701675 w 819150"/>
                <a:gd name="connsiteY7" fmla="*/ 31750 h 76200"/>
                <a:gd name="connsiteX8" fmla="*/ 752475 w 819150"/>
                <a:gd name="connsiteY8" fmla="*/ 31750 h 76200"/>
                <a:gd name="connsiteX9" fmla="*/ 781050 w 819150"/>
                <a:gd name="connsiteY9" fmla="*/ 31750 h 76200"/>
                <a:gd name="connsiteX10" fmla="*/ 819150 w 819150"/>
                <a:gd name="connsiteY10" fmla="*/ 69850 h 76200"/>
                <a:gd name="connsiteX0" fmla="*/ 0 w 819150"/>
                <a:gd name="connsiteY0" fmla="*/ 0 h 88900"/>
                <a:gd name="connsiteX1" fmla="*/ 101600 w 819150"/>
                <a:gd name="connsiteY1" fmla="*/ 12700 h 88900"/>
                <a:gd name="connsiteX2" fmla="*/ 193675 w 819150"/>
                <a:gd name="connsiteY2" fmla="*/ 38100 h 88900"/>
                <a:gd name="connsiteX3" fmla="*/ 314325 w 819150"/>
                <a:gd name="connsiteY3" fmla="*/ 88900 h 88900"/>
                <a:gd name="connsiteX4" fmla="*/ 381000 w 819150"/>
                <a:gd name="connsiteY4" fmla="*/ 38100 h 88900"/>
                <a:gd name="connsiteX5" fmla="*/ 466725 w 819150"/>
                <a:gd name="connsiteY5" fmla="*/ 38100 h 88900"/>
                <a:gd name="connsiteX6" fmla="*/ 593725 w 819150"/>
                <a:gd name="connsiteY6" fmla="*/ 31750 h 88900"/>
                <a:gd name="connsiteX7" fmla="*/ 701675 w 819150"/>
                <a:gd name="connsiteY7" fmla="*/ 31750 h 88900"/>
                <a:gd name="connsiteX8" fmla="*/ 752475 w 819150"/>
                <a:gd name="connsiteY8" fmla="*/ 31750 h 88900"/>
                <a:gd name="connsiteX9" fmla="*/ 781050 w 819150"/>
                <a:gd name="connsiteY9" fmla="*/ 31750 h 88900"/>
                <a:gd name="connsiteX10" fmla="*/ 819150 w 819150"/>
                <a:gd name="connsiteY10" fmla="*/ 69850 h 88900"/>
                <a:gd name="connsiteX0" fmla="*/ 0 w 819150"/>
                <a:gd name="connsiteY0" fmla="*/ 0 h 95250"/>
                <a:gd name="connsiteX1" fmla="*/ 101600 w 819150"/>
                <a:gd name="connsiteY1" fmla="*/ 12700 h 95250"/>
                <a:gd name="connsiteX2" fmla="*/ 193675 w 819150"/>
                <a:gd name="connsiteY2" fmla="*/ 38100 h 95250"/>
                <a:gd name="connsiteX3" fmla="*/ 314325 w 819150"/>
                <a:gd name="connsiteY3" fmla="*/ 88900 h 95250"/>
                <a:gd name="connsiteX4" fmla="*/ 409575 w 819150"/>
                <a:gd name="connsiteY4" fmla="*/ 95250 h 95250"/>
                <a:gd name="connsiteX5" fmla="*/ 466725 w 819150"/>
                <a:gd name="connsiteY5" fmla="*/ 38100 h 95250"/>
                <a:gd name="connsiteX6" fmla="*/ 593725 w 819150"/>
                <a:gd name="connsiteY6" fmla="*/ 31750 h 95250"/>
                <a:gd name="connsiteX7" fmla="*/ 701675 w 819150"/>
                <a:gd name="connsiteY7" fmla="*/ 31750 h 95250"/>
                <a:gd name="connsiteX8" fmla="*/ 752475 w 819150"/>
                <a:gd name="connsiteY8" fmla="*/ 31750 h 95250"/>
                <a:gd name="connsiteX9" fmla="*/ 781050 w 819150"/>
                <a:gd name="connsiteY9" fmla="*/ 31750 h 95250"/>
                <a:gd name="connsiteX10" fmla="*/ 819150 w 819150"/>
                <a:gd name="connsiteY10" fmla="*/ 69850 h 9525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593725 w 819150"/>
                <a:gd name="connsiteY6" fmla="*/ 3175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701675 w 819150"/>
                <a:gd name="connsiteY7" fmla="*/ 31750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52475 w 819150"/>
                <a:gd name="connsiteY8" fmla="*/ 31750 h 101600"/>
                <a:gd name="connsiteX9" fmla="*/ 781050 w 819150"/>
                <a:gd name="connsiteY9" fmla="*/ 31750 h 101600"/>
                <a:gd name="connsiteX10" fmla="*/ 819150 w 819150"/>
                <a:gd name="connsiteY10"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781050 w 819150"/>
                <a:gd name="connsiteY8" fmla="*/ 31750 h 101600"/>
                <a:gd name="connsiteX9" fmla="*/ 819150 w 819150"/>
                <a:gd name="connsiteY9" fmla="*/ 69850 h 101600"/>
                <a:gd name="connsiteX0" fmla="*/ 0 w 819150"/>
                <a:gd name="connsiteY0" fmla="*/ 0 h 101600"/>
                <a:gd name="connsiteX1" fmla="*/ 101600 w 819150"/>
                <a:gd name="connsiteY1" fmla="*/ 12700 h 101600"/>
                <a:gd name="connsiteX2" fmla="*/ 193675 w 819150"/>
                <a:gd name="connsiteY2" fmla="*/ 38100 h 101600"/>
                <a:gd name="connsiteX3" fmla="*/ 314325 w 819150"/>
                <a:gd name="connsiteY3" fmla="*/ 88900 h 101600"/>
                <a:gd name="connsiteX4" fmla="*/ 409575 w 819150"/>
                <a:gd name="connsiteY4" fmla="*/ 95250 h 101600"/>
                <a:gd name="connsiteX5" fmla="*/ 517525 w 819150"/>
                <a:gd name="connsiteY5" fmla="*/ 101600 h 101600"/>
                <a:gd name="connsiteX6" fmla="*/ 615950 w 819150"/>
                <a:gd name="connsiteY6" fmla="*/ 38100 h 101600"/>
                <a:gd name="connsiteX7" fmla="*/ 663575 w 819150"/>
                <a:gd name="connsiteY7" fmla="*/ 9525 h 101600"/>
                <a:gd name="connsiteX8" fmla="*/ 819150 w 819150"/>
                <a:gd name="connsiteY8" fmla="*/ 69850 h 101600"/>
                <a:gd name="connsiteX0" fmla="*/ 0 w 723900"/>
                <a:gd name="connsiteY0" fmla="*/ 37124 h 138724"/>
                <a:gd name="connsiteX1" fmla="*/ 101600 w 723900"/>
                <a:gd name="connsiteY1" fmla="*/ 49824 h 138724"/>
                <a:gd name="connsiteX2" fmla="*/ 193675 w 723900"/>
                <a:gd name="connsiteY2" fmla="*/ 75224 h 138724"/>
                <a:gd name="connsiteX3" fmla="*/ 314325 w 723900"/>
                <a:gd name="connsiteY3" fmla="*/ 126024 h 138724"/>
                <a:gd name="connsiteX4" fmla="*/ 409575 w 723900"/>
                <a:gd name="connsiteY4" fmla="*/ 132374 h 138724"/>
                <a:gd name="connsiteX5" fmla="*/ 517525 w 723900"/>
                <a:gd name="connsiteY5" fmla="*/ 138724 h 138724"/>
                <a:gd name="connsiteX6" fmla="*/ 615950 w 723900"/>
                <a:gd name="connsiteY6" fmla="*/ 75224 h 138724"/>
                <a:gd name="connsiteX7" fmla="*/ 663575 w 723900"/>
                <a:gd name="connsiteY7" fmla="*/ 46649 h 138724"/>
                <a:gd name="connsiteX8" fmla="*/ 723900 w 723900"/>
                <a:gd name="connsiteY8" fmla="*/ 2199 h 138724"/>
                <a:gd name="connsiteX0" fmla="*/ 0 w 702458"/>
                <a:gd name="connsiteY0" fmla="*/ 0 h 250337"/>
                <a:gd name="connsiteX1" fmla="*/ 80158 w 702458"/>
                <a:gd name="connsiteY1" fmla="*/ 161437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172233 w 702458"/>
                <a:gd name="connsiteY2" fmla="*/ 186837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292883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50337"/>
                <a:gd name="connsiteX1" fmla="*/ 123043 w 702458"/>
                <a:gd name="connsiteY1" fmla="*/ 33949 h 250337"/>
                <a:gd name="connsiteX2" fmla="*/ 236560 w 702458"/>
                <a:gd name="connsiteY2" fmla="*/ 133716 h 250337"/>
                <a:gd name="connsiteX3" fmla="*/ 307178 w 702458"/>
                <a:gd name="connsiteY3" fmla="*/ 237637 h 250337"/>
                <a:gd name="connsiteX4" fmla="*/ 388133 w 702458"/>
                <a:gd name="connsiteY4" fmla="*/ 243987 h 250337"/>
                <a:gd name="connsiteX5" fmla="*/ 496083 w 702458"/>
                <a:gd name="connsiteY5" fmla="*/ 250337 h 250337"/>
                <a:gd name="connsiteX6" fmla="*/ 594508 w 702458"/>
                <a:gd name="connsiteY6" fmla="*/ 186837 h 250337"/>
                <a:gd name="connsiteX7" fmla="*/ 642133 w 702458"/>
                <a:gd name="connsiteY7" fmla="*/ 158262 h 250337"/>
                <a:gd name="connsiteX8" fmla="*/ 702458 w 702458"/>
                <a:gd name="connsiteY8" fmla="*/ 113812 h 250337"/>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496083 w 702458"/>
                <a:gd name="connsiteY5" fmla="*/ 250337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 name="connsiteX0" fmla="*/ 0 w 702458"/>
                <a:gd name="connsiteY0" fmla="*/ 0 h 286484"/>
                <a:gd name="connsiteX1" fmla="*/ 123043 w 702458"/>
                <a:gd name="connsiteY1" fmla="*/ 33949 h 286484"/>
                <a:gd name="connsiteX2" fmla="*/ 236560 w 702458"/>
                <a:gd name="connsiteY2" fmla="*/ 133716 h 286484"/>
                <a:gd name="connsiteX3" fmla="*/ 307178 w 702458"/>
                <a:gd name="connsiteY3" fmla="*/ 237637 h 286484"/>
                <a:gd name="connsiteX4" fmla="*/ 395281 w 702458"/>
                <a:gd name="connsiteY4" fmla="*/ 286484 h 286484"/>
                <a:gd name="connsiteX5" fmla="*/ 517525 w 702458"/>
                <a:gd name="connsiteY5" fmla="*/ 260961 h 286484"/>
                <a:gd name="connsiteX6" fmla="*/ 594508 w 702458"/>
                <a:gd name="connsiteY6" fmla="*/ 186837 h 286484"/>
                <a:gd name="connsiteX7" fmla="*/ 642133 w 702458"/>
                <a:gd name="connsiteY7" fmla="*/ 158262 h 286484"/>
                <a:gd name="connsiteX8" fmla="*/ 702458 w 702458"/>
                <a:gd name="connsiteY8" fmla="*/ 113812 h 2864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702458" h="286484">
                  <a:moveTo>
                    <a:pt x="0" y="0"/>
                  </a:moveTo>
                  <a:lnTo>
                    <a:pt x="123043" y="33949"/>
                  </a:lnTo>
                  <a:lnTo>
                    <a:pt x="236560" y="133716"/>
                  </a:lnTo>
                  <a:lnTo>
                    <a:pt x="307178" y="237637"/>
                  </a:lnTo>
                  <a:lnTo>
                    <a:pt x="395281" y="286484"/>
                  </a:lnTo>
                  <a:lnTo>
                    <a:pt x="517525" y="260961"/>
                  </a:lnTo>
                  <a:lnTo>
                    <a:pt x="594508" y="186837"/>
                  </a:lnTo>
                  <a:cubicBezTo>
                    <a:pt x="610383" y="177312"/>
                    <a:pt x="624141" y="170433"/>
                    <a:pt x="642133" y="158262"/>
                  </a:cubicBezTo>
                  <a:cubicBezTo>
                    <a:pt x="660125" y="146091"/>
                    <a:pt x="670047" y="101244"/>
                    <a:pt x="702458" y="113812"/>
                  </a:cubicBezTo>
                </a:path>
              </a:pathLst>
            </a:custGeom>
            <a:noFill/>
            <a:ln w="19050" cmpd="sng">
              <a:solidFill>
                <a:srgbClr val="00983F"/>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9565330" y="7165140"/>
              <a:ext cx="1108824" cy="227086"/>
            </a:xfrm>
            <a:prstGeom prst="rect">
              <a:avLst/>
            </a:prstGeom>
            <a:noFill/>
          </p:spPr>
          <p:txBody>
            <a:bodyPr wrap="none" lIns="91440" tIns="45720" rIns="91440" bIns="45720">
              <a:spAutoFit/>
            </a:bodyPr>
            <a:lstStyle/>
            <a:p>
              <a:pPr algn="ctr"/>
              <a:r>
                <a:rPr lang="ja-JP" altLang="en-US" sz="800" b="1" dirty="0" smtClean="0">
                  <a:latin typeface="メイリオ" panose="020B0604030504040204" pitchFamily="50" charset="-128"/>
                  <a:ea typeface="メイリオ" panose="020B0604030504040204" pitchFamily="50" charset="-128"/>
                </a:rPr>
                <a:t>淀川左岸線延伸部</a:t>
              </a:r>
              <a:endParaRPr lang="ja-JP" altLang="en-US" sz="800" b="1" dirty="0">
                <a:latin typeface="メイリオ" panose="020B0604030504040204" pitchFamily="50" charset="-128"/>
                <a:ea typeface="メイリオ" panose="020B0604030504040204" pitchFamily="50" charset="-128"/>
              </a:endParaRPr>
            </a:p>
          </p:txBody>
        </p:sp>
        <p:grpSp>
          <p:nvGrpSpPr>
            <p:cNvPr id="45" name="グループ化 44"/>
            <p:cNvGrpSpPr/>
            <p:nvPr/>
          </p:nvGrpSpPr>
          <p:grpSpPr>
            <a:xfrm>
              <a:off x="10196583" y="8894158"/>
              <a:ext cx="814874" cy="392566"/>
              <a:chOff x="9036496" y="7658100"/>
              <a:chExt cx="872347" cy="419657"/>
            </a:xfrm>
          </p:grpSpPr>
          <p:sp>
            <p:nvSpPr>
              <p:cNvPr id="59" name="正方形/長方形 58"/>
              <p:cNvSpPr/>
              <p:nvPr/>
            </p:nvSpPr>
            <p:spPr>
              <a:xfrm>
                <a:off x="9036496" y="7658100"/>
                <a:ext cx="872346" cy="41965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60" name="グループ化 59"/>
              <p:cNvGrpSpPr/>
              <p:nvPr/>
            </p:nvGrpSpPr>
            <p:grpSpPr>
              <a:xfrm>
                <a:off x="9454872" y="7708751"/>
                <a:ext cx="453971" cy="369006"/>
                <a:chOff x="6754469" y="7559138"/>
                <a:chExt cx="458837" cy="369006"/>
              </a:xfrm>
            </p:grpSpPr>
            <p:sp>
              <p:nvSpPr>
                <p:cNvPr id="63" name="正方形/長方形 62"/>
                <p:cNvSpPr/>
                <p:nvPr/>
              </p:nvSpPr>
              <p:spPr>
                <a:xfrm>
                  <a:off x="6754469" y="7559138"/>
                  <a:ext cx="458837" cy="200055"/>
                </a:xfrm>
                <a:prstGeom prst="rect">
                  <a:avLst/>
                </a:prstGeom>
                <a:noFill/>
              </p:spPr>
              <p:txBody>
                <a:bodyPr wrap="none" lIns="91440" tIns="45720" rIns="91440" bIns="45720">
                  <a:spAutoFit/>
                </a:bodyPr>
                <a:lstStyle/>
                <a:p>
                  <a:pPr algn="ctr"/>
                  <a:r>
                    <a:rPr lang="ja-JP" altLang="en-US" sz="700" dirty="0" smtClean="0">
                      <a:ln w="0"/>
                      <a:latin typeface="メイリオ" panose="020B0604030504040204" pitchFamily="50" charset="-128"/>
                      <a:ea typeface="メイリオ" panose="020B0604030504040204" pitchFamily="50" charset="-128"/>
                    </a:rPr>
                    <a:t>開通</a:t>
                  </a:r>
                  <a:r>
                    <a:rPr lang="ja-JP" altLang="en-US" sz="700" dirty="0">
                      <a:ln w="0"/>
                      <a:latin typeface="メイリオ" panose="020B0604030504040204" pitchFamily="50" charset="-128"/>
                      <a:ea typeface="メイリオ" panose="020B0604030504040204" pitchFamily="50" charset="-128"/>
                    </a:rPr>
                    <a:t>済</a:t>
                  </a:r>
                  <a:endParaRPr lang="ja-JP" altLang="en-US" sz="700" b="0" cap="none" spc="0" dirty="0">
                    <a:ln w="0"/>
                    <a:solidFill>
                      <a:schemeClr val="tx1"/>
                    </a:solidFill>
                    <a:latin typeface="メイリオ" panose="020B0604030504040204" pitchFamily="50" charset="-128"/>
                    <a:ea typeface="メイリオ" panose="020B0604030504040204" pitchFamily="50" charset="-128"/>
                  </a:endParaRPr>
                </a:p>
              </p:txBody>
            </p:sp>
            <p:sp>
              <p:nvSpPr>
                <p:cNvPr id="64" name="正方形/長方形 63"/>
                <p:cNvSpPr/>
                <p:nvPr/>
              </p:nvSpPr>
              <p:spPr>
                <a:xfrm>
                  <a:off x="6754469" y="7728089"/>
                  <a:ext cx="458836" cy="200055"/>
                </a:xfrm>
                <a:prstGeom prst="rect">
                  <a:avLst/>
                </a:prstGeom>
                <a:noFill/>
              </p:spPr>
              <p:txBody>
                <a:bodyPr wrap="none" lIns="91440" tIns="45720" rIns="91440" bIns="45720">
                  <a:spAutoFit/>
                </a:bodyPr>
                <a:lstStyle/>
                <a:p>
                  <a:pPr algn="ctr"/>
                  <a:r>
                    <a:rPr lang="ja-JP" altLang="en-US" sz="700" b="0" cap="none" spc="0" dirty="0" smtClean="0">
                      <a:ln w="0"/>
                      <a:solidFill>
                        <a:schemeClr val="tx1"/>
                      </a:solidFill>
                      <a:latin typeface="メイリオ" panose="020B0604030504040204" pitchFamily="50" charset="-128"/>
                      <a:ea typeface="メイリオ" panose="020B0604030504040204" pitchFamily="50" charset="-128"/>
                    </a:rPr>
                    <a:t>事業中</a:t>
                  </a:r>
                  <a:endParaRPr lang="ja-JP" altLang="en-US" sz="700" b="0" cap="none" spc="0" dirty="0">
                    <a:ln w="0"/>
                    <a:solidFill>
                      <a:schemeClr val="tx1"/>
                    </a:solidFill>
                    <a:latin typeface="メイリオ" panose="020B0604030504040204" pitchFamily="50" charset="-128"/>
                    <a:ea typeface="メイリオ" panose="020B0604030504040204" pitchFamily="50" charset="-128"/>
                  </a:endParaRPr>
                </a:p>
              </p:txBody>
            </p:sp>
          </p:grpSp>
          <p:cxnSp>
            <p:nvCxnSpPr>
              <p:cNvPr id="61" name="直線コネクタ 60"/>
              <p:cNvCxnSpPr/>
              <p:nvPr/>
            </p:nvCxnSpPr>
            <p:spPr>
              <a:xfrm>
                <a:off x="9111800" y="7801936"/>
                <a:ext cx="345546" cy="0"/>
              </a:xfrm>
              <a:prstGeom prst="line">
                <a:avLst/>
              </a:prstGeom>
              <a:ln w="38100">
                <a:solidFill>
                  <a:srgbClr val="01963F"/>
                </a:solidFill>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a:off x="9120205" y="7939784"/>
                <a:ext cx="345546" cy="0"/>
              </a:xfrm>
              <a:prstGeom prst="line">
                <a:avLst/>
              </a:prstGeom>
              <a:ln w="28575">
                <a:solidFill>
                  <a:srgbClr val="00993F"/>
                </a:solidFill>
                <a:prstDash val="sysDot"/>
              </a:ln>
            </p:spPr>
            <p:style>
              <a:lnRef idx="1">
                <a:schemeClr val="accent1"/>
              </a:lnRef>
              <a:fillRef idx="0">
                <a:schemeClr val="accent1"/>
              </a:fillRef>
              <a:effectRef idx="0">
                <a:schemeClr val="accent1"/>
              </a:effectRef>
              <a:fontRef idx="minor">
                <a:schemeClr val="tx1"/>
              </a:fontRef>
            </p:style>
          </p:cxnSp>
        </p:grpSp>
        <p:sp>
          <p:nvSpPr>
            <p:cNvPr id="46" name="正方形/長方形 45"/>
            <p:cNvSpPr/>
            <p:nvPr/>
          </p:nvSpPr>
          <p:spPr>
            <a:xfrm>
              <a:off x="8599696" y="7232541"/>
              <a:ext cx="956660" cy="156736"/>
            </a:xfrm>
            <a:prstGeom prst="rect">
              <a:avLst/>
            </a:prstGeom>
            <a:solidFill>
              <a:srgbClr val="FFFFCC">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8463196" y="7218387"/>
              <a:ext cx="1290181" cy="215444"/>
            </a:xfrm>
            <a:prstGeom prst="rect">
              <a:avLst/>
            </a:prstGeom>
          </p:spPr>
          <p:txBody>
            <a:bodyPr wrap="square">
              <a:spAutoFit/>
            </a:bodyPr>
            <a:lstStyle/>
            <a:p>
              <a:pPr algn="ctr"/>
              <a:r>
                <a:rPr lang="ja-JP" altLang="en-US" sz="800" b="1" dirty="0">
                  <a:latin typeface="メイリオ" panose="020B0604030504040204" pitchFamily="50" charset="-128"/>
                  <a:ea typeface="メイリオ" panose="020B0604030504040204" pitchFamily="50" charset="-128"/>
                </a:rPr>
                <a:t>淀川左岸</a:t>
              </a:r>
              <a:r>
                <a:rPr lang="ja-JP" altLang="en-US" sz="800" b="1" dirty="0" smtClean="0">
                  <a:latin typeface="メイリオ" panose="020B0604030504040204" pitchFamily="50" charset="-128"/>
                  <a:ea typeface="メイリオ" panose="020B0604030504040204" pitchFamily="50" charset="-128"/>
                </a:rPr>
                <a:t>線（２期）</a:t>
              </a:r>
              <a:endParaRPr lang="ja-JP" altLang="en-US" sz="800" b="1" dirty="0">
                <a:latin typeface="メイリオ" panose="020B0604030504040204" pitchFamily="50" charset="-128"/>
                <a:ea typeface="メイリオ" panose="020B0604030504040204" pitchFamily="50" charset="-128"/>
              </a:endParaRPr>
            </a:p>
          </p:txBody>
        </p:sp>
        <p:sp>
          <p:nvSpPr>
            <p:cNvPr id="48" name="フリーフォーム 47"/>
            <p:cNvSpPr/>
            <p:nvPr/>
          </p:nvSpPr>
          <p:spPr>
            <a:xfrm>
              <a:off x="9504107" y="8674570"/>
              <a:ext cx="154944" cy="70278"/>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140492"/>
                <a:gd name="connsiteY0" fmla="*/ 0 h 66675"/>
                <a:gd name="connsiteX1" fmla="*/ 97630 w 140492"/>
                <a:gd name="connsiteY1" fmla="*/ 19050 h 66675"/>
                <a:gd name="connsiteX2" fmla="*/ 135730 w 140492"/>
                <a:gd name="connsiteY2" fmla="*/ 57150 h 66675"/>
                <a:gd name="connsiteX3" fmla="*/ 140492 w 140492"/>
                <a:gd name="connsiteY3" fmla="*/ 66675 h 66675"/>
              </a:gdLst>
              <a:ahLst/>
              <a:cxnLst>
                <a:cxn ang="0">
                  <a:pos x="connsiteX0" y="connsiteY0"/>
                </a:cxn>
                <a:cxn ang="0">
                  <a:pos x="connsiteX1" y="connsiteY1"/>
                </a:cxn>
                <a:cxn ang="0">
                  <a:pos x="connsiteX2" y="connsiteY2"/>
                </a:cxn>
                <a:cxn ang="0">
                  <a:pos x="connsiteX3" y="connsiteY3"/>
                </a:cxn>
              </a:cxnLst>
              <a:rect l="l" t="t" r="r" b="b"/>
              <a:pathLst>
                <a:path w="140492" h="66675">
                  <a:moveTo>
                    <a:pt x="0" y="0"/>
                  </a:moveTo>
                  <a:cubicBezTo>
                    <a:pt x="31551" y="2778"/>
                    <a:pt x="75008" y="9525"/>
                    <a:pt x="97630" y="19050"/>
                  </a:cubicBezTo>
                  <a:cubicBezTo>
                    <a:pt x="120252" y="28575"/>
                    <a:pt x="128586" y="49213"/>
                    <a:pt x="135730" y="57150"/>
                  </a:cubicBezTo>
                  <a:cubicBezTo>
                    <a:pt x="142874" y="65087"/>
                    <a:pt x="138905" y="63500"/>
                    <a:pt x="140492" y="66675"/>
                  </a:cubicBezTo>
                </a:path>
              </a:pathLst>
            </a:custGeom>
            <a:noFill/>
            <a:ln w="19050">
              <a:solidFill>
                <a:srgbClr val="00B050">
                  <a:alpha val="88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フリーフォーム 48"/>
            <p:cNvSpPr/>
            <p:nvPr/>
          </p:nvSpPr>
          <p:spPr>
            <a:xfrm>
              <a:off x="9818931" y="8712647"/>
              <a:ext cx="320395" cy="35376"/>
            </a:xfrm>
            <a:custGeom>
              <a:avLst/>
              <a:gdLst>
                <a:gd name="connsiteX0" fmla="*/ 0 w 121443"/>
                <a:gd name="connsiteY0" fmla="*/ 0 h 52387"/>
                <a:gd name="connsiteX1" fmla="*/ 83343 w 121443"/>
                <a:gd name="connsiteY1" fmla="*/ 14287 h 52387"/>
                <a:gd name="connsiteX2" fmla="*/ 121443 w 121443"/>
                <a:gd name="connsiteY2" fmla="*/ 52387 h 52387"/>
                <a:gd name="connsiteX3" fmla="*/ 121443 w 121443"/>
                <a:gd name="connsiteY3" fmla="*/ 52387 h 52387"/>
                <a:gd name="connsiteX0" fmla="*/ 0 w 135730"/>
                <a:gd name="connsiteY0" fmla="*/ 0 h 57150"/>
                <a:gd name="connsiteX1" fmla="*/ 97630 w 135730"/>
                <a:gd name="connsiteY1" fmla="*/ 19050 h 57150"/>
                <a:gd name="connsiteX2" fmla="*/ 135730 w 135730"/>
                <a:gd name="connsiteY2" fmla="*/ 57150 h 57150"/>
                <a:gd name="connsiteX3" fmla="*/ 135730 w 135730"/>
                <a:gd name="connsiteY3" fmla="*/ 57150 h 57150"/>
                <a:gd name="connsiteX0" fmla="*/ 0 w 276224"/>
                <a:gd name="connsiteY0" fmla="*/ 33338 h 91801"/>
                <a:gd name="connsiteX1" fmla="*/ 97630 w 276224"/>
                <a:gd name="connsiteY1" fmla="*/ 52388 h 91801"/>
                <a:gd name="connsiteX2" fmla="*/ 135730 w 276224"/>
                <a:gd name="connsiteY2" fmla="*/ 90488 h 91801"/>
                <a:gd name="connsiteX3" fmla="*/ 276224 w 276224"/>
                <a:gd name="connsiteY3" fmla="*/ 0 h 91801"/>
                <a:gd name="connsiteX0" fmla="*/ 0 w 276224"/>
                <a:gd name="connsiteY0" fmla="*/ 33338 h 53086"/>
                <a:gd name="connsiteX1" fmla="*/ 97630 w 276224"/>
                <a:gd name="connsiteY1" fmla="*/ 52388 h 53086"/>
                <a:gd name="connsiteX2" fmla="*/ 130967 w 276224"/>
                <a:gd name="connsiteY2" fmla="*/ 4763 h 53086"/>
                <a:gd name="connsiteX3" fmla="*/ 276224 w 276224"/>
                <a:gd name="connsiteY3" fmla="*/ 0 h 53086"/>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5"/>
                <a:gd name="connsiteX1" fmla="*/ 73818 w 276224"/>
                <a:gd name="connsiteY1" fmla="*/ 2382 h 33525"/>
                <a:gd name="connsiteX2" fmla="*/ 130967 w 276224"/>
                <a:gd name="connsiteY2" fmla="*/ 4763 h 33525"/>
                <a:gd name="connsiteX3" fmla="*/ 276224 w 276224"/>
                <a:gd name="connsiteY3" fmla="*/ 0 h 33525"/>
                <a:gd name="connsiteX0" fmla="*/ 0 w 276224"/>
                <a:gd name="connsiteY0" fmla="*/ 33338 h 33527"/>
                <a:gd name="connsiteX1" fmla="*/ 73818 w 276224"/>
                <a:gd name="connsiteY1" fmla="*/ 2382 h 33527"/>
                <a:gd name="connsiteX2" fmla="*/ 130967 w 276224"/>
                <a:gd name="connsiteY2" fmla="*/ 2382 h 33527"/>
                <a:gd name="connsiteX3" fmla="*/ 276224 w 276224"/>
                <a:gd name="connsiteY3" fmla="*/ 0 h 33527"/>
                <a:gd name="connsiteX0" fmla="*/ 0 w 290511"/>
                <a:gd name="connsiteY0" fmla="*/ 38100 h 38289"/>
                <a:gd name="connsiteX1" fmla="*/ 73818 w 290511"/>
                <a:gd name="connsiteY1" fmla="*/ 7144 h 38289"/>
                <a:gd name="connsiteX2" fmla="*/ 130967 w 290511"/>
                <a:gd name="connsiteY2" fmla="*/ 7144 h 38289"/>
                <a:gd name="connsiteX3" fmla="*/ 290511 w 290511"/>
                <a:gd name="connsiteY3" fmla="*/ 0 h 38289"/>
                <a:gd name="connsiteX0" fmla="*/ 0 w 290511"/>
                <a:gd name="connsiteY0" fmla="*/ 38100 h 38275"/>
                <a:gd name="connsiteX1" fmla="*/ 59531 w 290511"/>
                <a:gd name="connsiteY1" fmla="*/ 4763 h 38275"/>
                <a:gd name="connsiteX2" fmla="*/ 130967 w 290511"/>
                <a:gd name="connsiteY2" fmla="*/ 7144 h 38275"/>
                <a:gd name="connsiteX3" fmla="*/ 290511 w 290511"/>
                <a:gd name="connsiteY3" fmla="*/ 0 h 38275"/>
                <a:gd name="connsiteX0" fmla="*/ 0 w 290511"/>
                <a:gd name="connsiteY0" fmla="*/ 35142 h 35317"/>
                <a:gd name="connsiteX1" fmla="*/ 59531 w 290511"/>
                <a:gd name="connsiteY1" fmla="*/ 1805 h 35317"/>
                <a:gd name="connsiteX2" fmla="*/ 130967 w 290511"/>
                <a:gd name="connsiteY2" fmla="*/ 4186 h 35317"/>
                <a:gd name="connsiteX3" fmla="*/ 290511 w 290511"/>
                <a:gd name="connsiteY3" fmla="*/ 1804 h 35317"/>
                <a:gd name="connsiteX0" fmla="*/ 0 w 290511"/>
                <a:gd name="connsiteY0" fmla="*/ 33338 h 33562"/>
                <a:gd name="connsiteX1" fmla="*/ 59531 w 290511"/>
                <a:gd name="connsiteY1" fmla="*/ 7145 h 33562"/>
                <a:gd name="connsiteX2" fmla="*/ 130967 w 290511"/>
                <a:gd name="connsiteY2" fmla="*/ 2382 h 33562"/>
                <a:gd name="connsiteX3" fmla="*/ 290511 w 290511"/>
                <a:gd name="connsiteY3" fmla="*/ 0 h 33562"/>
              </a:gdLst>
              <a:ahLst/>
              <a:cxnLst>
                <a:cxn ang="0">
                  <a:pos x="connsiteX0" y="connsiteY0"/>
                </a:cxn>
                <a:cxn ang="0">
                  <a:pos x="connsiteX1" y="connsiteY1"/>
                </a:cxn>
                <a:cxn ang="0">
                  <a:pos x="connsiteX2" y="connsiteY2"/>
                </a:cxn>
                <a:cxn ang="0">
                  <a:pos x="connsiteX3" y="connsiteY3"/>
                </a:cxn>
              </a:cxnLst>
              <a:rect l="l" t="t" r="r" b="b"/>
              <a:pathLst>
                <a:path w="290511" h="33562">
                  <a:moveTo>
                    <a:pt x="0" y="33338"/>
                  </a:moveTo>
                  <a:cubicBezTo>
                    <a:pt x="31551" y="36116"/>
                    <a:pt x="37703" y="12304"/>
                    <a:pt x="59531" y="7145"/>
                  </a:cubicBezTo>
                  <a:cubicBezTo>
                    <a:pt x="81359" y="1986"/>
                    <a:pt x="92470" y="3573"/>
                    <a:pt x="130967" y="2382"/>
                  </a:cubicBezTo>
                  <a:cubicBezTo>
                    <a:pt x="169464" y="1191"/>
                    <a:pt x="237330" y="2381"/>
                    <a:pt x="290511" y="0"/>
                  </a:cubicBezTo>
                </a:path>
              </a:pathLst>
            </a:custGeom>
            <a:noFill/>
            <a:ln w="1905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フリーフォーム 49"/>
            <p:cNvSpPr/>
            <p:nvPr/>
          </p:nvSpPr>
          <p:spPr>
            <a:xfrm rot="19669888">
              <a:off x="9348300" y="7578407"/>
              <a:ext cx="447026" cy="39147"/>
            </a:xfrm>
            <a:custGeom>
              <a:avLst/>
              <a:gdLst>
                <a:gd name="connsiteX0" fmla="*/ 0 w 819150"/>
                <a:gd name="connsiteY0" fmla="*/ 0 h 123825"/>
                <a:gd name="connsiteX1" fmla="*/ 63500 w 819150"/>
                <a:gd name="connsiteY1" fmla="*/ 12700 h 123825"/>
                <a:gd name="connsiteX2" fmla="*/ 111125 w 819150"/>
                <a:gd name="connsiteY2" fmla="*/ 53975 h 123825"/>
                <a:gd name="connsiteX3" fmla="*/ 184150 w 819150"/>
                <a:gd name="connsiteY3" fmla="*/ 123825 h 123825"/>
                <a:gd name="connsiteX4" fmla="*/ 234950 w 819150"/>
                <a:gd name="connsiteY4" fmla="*/ 117475 h 123825"/>
                <a:gd name="connsiteX5" fmla="*/ 301625 w 819150"/>
                <a:gd name="connsiteY5" fmla="*/ 76200 h 123825"/>
                <a:gd name="connsiteX6" fmla="*/ 381000 w 819150"/>
                <a:gd name="connsiteY6" fmla="*/ 38100 h 123825"/>
                <a:gd name="connsiteX7" fmla="*/ 466725 w 819150"/>
                <a:gd name="connsiteY7" fmla="*/ 38100 h 123825"/>
                <a:gd name="connsiteX8" fmla="*/ 593725 w 819150"/>
                <a:gd name="connsiteY8" fmla="*/ 31750 h 123825"/>
                <a:gd name="connsiteX9" fmla="*/ 701675 w 819150"/>
                <a:gd name="connsiteY9" fmla="*/ 31750 h 123825"/>
                <a:gd name="connsiteX10" fmla="*/ 752475 w 819150"/>
                <a:gd name="connsiteY10" fmla="*/ 31750 h 123825"/>
                <a:gd name="connsiteX11" fmla="*/ 781050 w 819150"/>
                <a:gd name="connsiteY11" fmla="*/ 31750 h 123825"/>
                <a:gd name="connsiteX12" fmla="*/ 819150 w 819150"/>
                <a:gd name="connsiteY12" fmla="*/ 69850 h 123825"/>
                <a:gd name="connsiteX0" fmla="*/ 0 w 755650"/>
                <a:gd name="connsiteY0" fmla="*/ 0 h 111125"/>
                <a:gd name="connsiteX1" fmla="*/ 47625 w 755650"/>
                <a:gd name="connsiteY1" fmla="*/ 41275 h 111125"/>
                <a:gd name="connsiteX2" fmla="*/ 120650 w 755650"/>
                <a:gd name="connsiteY2" fmla="*/ 111125 h 111125"/>
                <a:gd name="connsiteX3" fmla="*/ 171450 w 755650"/>
                <a:gd name="connsiteY3" fmla="*/ 104775 h 111125"/>
                <a:gd name="connsiteX4" fmla="*/ 238125 w 755650"/>
                <a:gd name="connsiteY4" fmla="*/ 63500 h 111125"/>
                <a:gd name="connsiteX5" fmla="*/ 317500 w 755650"/>
                <a:gd name="connsiteY5" fmla="*/ 25400 h 111125"/>
                <a:gd name="connsiteX6" fmla="*/ 403225 w 755650"/>
                <a:gd name="connsiteY6" fmla="*/ 25400 h 111125"/>
                <a:gd name="connsiteX7" fmla="*/ 530225 w 755650"/>
                <a:gd name="connsiteY7" fmla="*/ 19050 h 111125"/>
                <a:gd name="connsiteX8" fmla="*/ 638175 w 755650"/>
                <a:gd name="connsiteY8" fmla="*/ 19050 h 111125"/>
                <a:gd name="connsiteX9" fmla="*/ 688975 w 755650"/>
                <a:gd name="connsiteY9" fmla="*/ 19050 h 111125"/>
                <a:gd name="connsiteX10" fmla="*/ 717550 w 755650"/>
                <a:gd name="connsiteY10" fmla="*/ 19050 h 111125"/>
                <a:gd name="connsiteX11" fmla="*/ 755650 w 755650"/>
                <a:gd name="connsiteY11" fmla="*/ 57150 h 111125"/>
                <a:gd name="connsiteX0" fmla="*/ 0 w 755650"/>
                <a:gd name="connsiteY0" fmla="*/ 0 h 111125"/>
                <a:gd name="connsiteX1" fmla="*/ 120650 w 755650"/>
                <a:gd name="connsiteY1" fmla="*/ 111125 h 111125"/>
                <a:gd name="connsiteX2" fmla="*/ 171450 w 755650"/>
                <a:gd name="connsiteY2" fmla="*/ 104775 h 111125"/>
                <a:gd name="connsiteX3" fmla="*/ 238125 w 755650"/>
                <a:gd name="connsiteY3" fmla="*/ 63500 h 111125"/>
                <a:gd name="connsiteX4" fmla="*/ 317500 w 755650"/>
                <a:gd name="connsiteY4" fmla="*/ 25400 h 111125"/>
                <a:gd name="connsiteX5" fmla="*/ 403225 w 755650"/>
                <a:gd name="connsiteY5" fmla="*/ 25400 h 111125"/>
                <a:gd name="connsiteX6" fmla="*/ 530225 w 755650"/>
                <a:gd name="connsiteY6" fmla="*/ 19050 h 111125"/>
                <a:gd name="connsiteX7" fmla="*/ 638175 w 755650"/>
                <a:gd name="connsiteY7" fmla="*/ 19050 h 111125"/>
                <a:gd name="connsiteX8" fmla="*/ 688975 w 755650"/>
                <a:gd name="connsiteY8" fmla="*/ 19050 h 111125"/>
                <a:gd name="connsiteX9" fmla="*/ 717550 w 755650"/>
                <a:gd name="connsiteY9" fmla="*/ 19050 h 111125"/>
                <a:gd name="connsiteX10" fmla="*/ 755650 w 755650"/>
                <a:gd name="connsiteY10" fmla="*/ 57150 h 111125"/>
                <a:gd name="connsiteX0" fmla="*/ 0 w 635000"/>
                <a:gd name="connsiteY0" fmla="*/ 92075 h 92075"/>
                <a:gd name="connsiteX1" fmla="*/ 50800 w 635000"/>
                <a:gd name="connsiteY1" fmla="*/ 85725 h 92075"/>
                <a:gd name="connsiteX2" fmla="*/ 117475 w 635000"/>
                <a:gd name="connsiteY2" fmla="*/ 44450 h 92075"/>
                <a:gd name="connsiteX3" fmla="*/ 196850 w 635000"/>
                <a:gd name="connsiteY3" fmla="*/ 6350 h 92075"/>
                <a:gd name="connsiteX4" fmla="*/ 282575 w 635000"/>
                <a:gd name="connsiteY4" fmla="*/ 6350 h 92075"/>
                <a:gd name="connsiteX5" fmla="*/ 409575 w 635000"/>
                <a:gd name="connsiteY5" fmla="*/ 0 h 92075"/>
                <a:gd name="connsiteX6" fmla="*/ 517525 w 635000"/>
                <a:gd name="connsiteY6" fmla="*/ 0 h 92075"/>
                <a:gd name="connsiteX7" fmla="*/ 568325 w 635000"/>
                <a:gd name="connsiteY7" fmla="*/ 0 h 92075"/>
                <a:gd name="connsiteX8" fmla="*/ 596900 w 635000"/>
                <a:gd name="connsiteY8" fmla="*/ 0 h 92075"/>
                <a:gd name="connsiteX9" fmla="*/ 635000 w 635000"/>
                <a:gd name="connsiteY9" fmla="*/ 38100 h 92075"/>
                <a:gd name="connsiteX0" fmla="*/ 1 w 584201"/>
                <a:gd name="connsiteY0" fmla="*/ 85725 h 85725"/>
                <a:gd name="connsiteX1" fmla="*/ 66676 w 584201"/>
                <a:gd name="connsiteY1" fmla="*/ 44450 h 85725"/>
                <a:gd name="connsiteX2" fmla="*/ 146051 w 584201"/>
                <a:gd name="connsiteY2" fmla="*/ 6350 h 85725"/>
                <a:gd name="connsiteX3" fmla="*/ 231776 w 584201"/>
                <a:gd name="connsiteY3" fmla="*/ 6350 h 85725"/>
                <a:gd name="connsiteX4" fmla="*/ 358776 w 584201"/>
                <a:gd name="connsiteY4" fmla="*/ 0 h 85725"/>
                <a:gd name="connsiteX5" fmla="*/ 466726 w 584201"/>
                <a:gd name="connsiteY5" fmla="*/ 0 h 85725"/>
                <a:gd name="connsiteX6" fmla="*/ 517526 w 584201"/>
                <a:gd name="connsiteY6" fmla="*/ 0 h 85725"/>
                <a:gd name="connsiteX7" fmla="*/ 546101 w 584201"/>
                <a:gd name="connsiteY7" fmla="*/ 0 h 85725"/>
                <a:gd name="connsiteX8" fmla="*/ 584201 w 584201"/>
                <a:gd name="connsiteY8" fmla="*/ 38100 h 85725"/>
                <a:gd name="connsiteX0" fmla="*/ 0 w 517525"/>
                <a:gd name="connsiteY0" fmla="*/ 44450 h 44450"/>
                <a:gd name="connsiteX1" fmla="*/ 79375 w 517525"/>
                <a:gd name="connsiteY1" fmla="*/ 6350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0 w 517525"/>
                <a:gd name="connsiteY0" fmla="*/ 44450 h 44450"/>
                <a:gd name="connsiteX1" fmla="*/ 82438 w 517525"/>
                <a:gd name="connsiteY1" fmla="*/ 34064 h 44450"/>
                <a:gd name="connsiteX2" fmla="*/ 165100 w 517525"/>
                <a:gd name="connsiteY2" fmla="*/ 6350 h 44450"/>
                <a:gd name="connsiteX3" fmla="*/ 292100 w 517525"/>
                <a:gd name="connsiteY3" fmla="*/ 0 h 44450"/>
                <a:gd name="connsiteX4" fmla="*/ 400050 w 517525"/>
                <a:gd name="connsiteY4" fmla="*/ 0 h 44450"/>
                <a:gd name="connsiteX5" fmla="*/ 450850 w 517525"/>
                <a:gd name="connsiteY5" fmla="*/ 0 h 44450"/>
                <a:gd name="connsiteX6" fmla="*/ 479425 w 517525"/>
                <a:gd name="connsiteY6" fmla="*/ 0 h 44450"/>
                <a:gd name="connsiteX7" fmla="*/ 517525 w 517525"/>
                <a:gd name="connsiteY7" fmla="*/ 38100 h 44450"/>
                <a:gd name="connsiteX0" fmla="*/ 9516 w 435087"/>
                <a:gd name="connsiteY0" fmla="*/ 36143 h 38100"/>
                <a:gd name="connsiteX1" fmla="*/ 0 w 435087"/>
                <a:gd name="connsiteY1" fmla="*/ 34064 h 38100"/>
                <a:gd name="connsiteX2" fmla="*/ 82662 w 435087"/>
                <a:gd name="connsiteY2" fmla="*/ 6350 h 38100"/>
                <a:gd name="connsiteX3" fmla="*/ 209662 w 435087"/>
                <a:gd name="connsiteY3" fmla="*/ 0 h 38100"/>
                <a:gd name="connsiteX4" fmla="*/ 317612 w 435087"/>
                <a:gd name="connsiteY4" fmla="*/ 0 h 38100"/>
                <a:gd name="connsiteX5" fmla="*/ 368412 w 435087"/>
                <a:gd name="connsiteY5" fmla="*/ 0 h 38100"/>
                <a:gd name="connsiteX6" fmla="*/ 396987 w 435087"/>
                <a:gd name="connsiteY6" fmla="*/ 0 h 38100"/>
                <a:gd name="connsiteX7" fmla="*/ 435087 w 435087"/>
                <a:gd name="connsiteY7" fmla="*/ 38100 h 38100"/>
                <a:gd name="connsiteX0" fmla="*/ 72330 w 497901"/>
                <a:gd name="connsiteY0" fmla="*/ 36143 h 64716"/>
                <a:gd name="connsiteX1" fmla="*/ -1 w 497901"/>
                <a:gd name="connsiteY1" fmla="*/ 64716 h 64716"/>
                <a:gd name="connsiteX2" fmla="*/ 145476 w 497901"/>
                <a:gd name="connsiteY2" fmla="*/ 6350 h 64716"/>
                <a:gd name="connsiteX3" fmla="*/ 272476 w 497901"/>
                <a:gd name="connsiteY3" fmla="*/ 0 h 64716"/>
                <a:gd name="connsiteX4" fmla="*/ 380426 w 497901"/>
                <a:gd name="connsiteY4" fmla="*/ 0 h 64716"/>
                <a:gd name="connsiteX5" fmla="*/ 431226 w 497901"/>
                <a:gd name="connsiteY5" fmla="*/ 0 h 64716"/>
                <a:gd name="connsiteX6" fmla="*/ 459801 w 497901"/>
                <a:gd name="connsiteY6" fmla="*/ 0 h 64716"/>
                <a:gd name="connsiteX7" fmla="*/ 497901 w 497901"/>
                <a:gd name="connsiteY7" fmla="*/ 38100 h 64716"/>
                <a:gd name="connsiteX0" fmla="*/ 0 w 425571"/>
                <a:gd name="connsiteY0" fmla="*/ 36143 h 317029"/>
                <a:gd name="connsiteX1" fmla="*/ 371336 w 425571"/>
                <a:gd name="connsiteY1" fmla="*/ 317029 h 317029"/>
                <a:gd name="connsiteX2" fmla="*/ 73146 w 425571"/>
                <a:gd name="connsiteY2" fmla="*/ 6350 h 317029"/>
                <a:gd name="connsiteX3" fmla="*/ 200146 w 425571"/>
                <a:gd name="connsiteY3" fmla="*/ 0 h 317029"/>
                <a:gd name="connsiteX4" fmla="*/ 308096 w 425571"/>
                <a:gd name="connsiteY4" fmla="*/ 0 h 317029"/>
                <a:gd name="connsiteX5" fmla="*/ 358896 w 425571"/>
                <a:gd name="connsiteY5" fmla="*/ 0 h 317029"/>
                <a:gd name="connsiteX6" fmla="*/ 387471 w 425571"/>
                <a:gd name="connsiteY6" fmla="*/ 0 h 317029"/>
                <a:gd name="connsiteX7" fmla="*/ 425571 w 425571"/>
                <a:gd name="connsiteY7" fmla="*/ 38100 h 317029"/>
                <a:gd name="connsiteX0" fmla="*/ 1 w 431326"/>
                <a:gd name="connsiteY0" fmla="*/ 44414 h 317029"/>
                <a:gd name="connsiteX1" fmla="*/ 377091 w 431326"/>
                <a:gd name="connsiteY1" fmla="*/ 317029 h 317029"/>
                <a:gd name="connsiteX2" fmla="*/ 78901 w 431326"/>
                <a:gd name="connsiteY2" fmla="*/ 6350 h 317029"/>
                <a:gd name="connsiteX3" fmla="*/ 205901 w 431326"/>
                <a:gd name="connsiteY3" fmla="*/ 0 h 317029"/>
                <a:gd name="connsiteX4" fmla="*/ 313851 w 431326"/>
                <a:gd name="connsiteY4" fmla="*/ 0 h 317029"/>
                <a:gd name="connsiteX5" fmla="*/ 364651 w 431326"/>
                <a:gd name="connsiteY5" fmla="*/ 0 h 317029"/>
                <a:gd name="connsiteX6" fmla="*/ 393226 w 431326"/>
                <a:gd name="connsiteY6" fmla="*/ 0 h 317029"/>
                <a:gd name="connsiteX7" fmla="*/ 431326 w 431326"/>
                <a:gd name="connsiteY7" fmla="*/ 38100 h 317029"/>
                <a:gd name="connsiteX0" fmla="*/ 0 w 431325"/>
                <a:gd name="connsiteY0" fmla="*/ 44414 h 44414"/>
                <a:gd name="connsiteX1" fmla="*/ 78900 w 431325"/>
                <a:gd name="connsiteY1" fmla="*/ 6350 h 44414"/>
                <a:gd name="connsiteX2" fmla="*/ 205900 w 431325"/>
                <a:gd name="connsiteY2" fmla="*/ 0 h 44414"/>
                <a:gd name="connsiteX3" fmla="*/ 313850 w 431325"/>
                <a:gd name="connsiteY3" fmla="*/ 0 h 44414"/>
                <a:gd name="connsiteX4" fmla="*/ 364650 w 431325"/>
                <a:gd name="connsiteY4" fmla="*/ 0 h 44414"/>
                <a:gd name="connsiteX5" fmla="*/ 393225 w 431325"/>
                <a:gd name="connsiteY5" fmla="*/ 0 h 44414"/>
                <a:gd name="connsiteX6" fmla="*/ 431325 w 431325"/>
                <a:gd name="connsiteY6" fmla="*/ 38100 h 44414"/>
                <a:gd name="connsiteX0" fmla="*/ 0 w 423543"/>
                <a:gd name="connsiteY0" fmla="*/ 28640 h 38100"/>
                <a:gd name="connsiteX1" fmla="*/ 71118 w 423543"/>
                <a:gd name="connsiteY1" fmla="*/ 6350 h 38100"/>
                <a:gd name="connsiteX2" fmla="*/ 198118 w 423543"/>
                <a:gd name="connsiteY2" fmla="*/ 0 h 38100"/>
                <a:gd name="connsiteX3" fmla="*/ 306068 w 423543"/>
                <a:gd name="connsiteY3" fmla="*/ 0 h 38100"/>
                <a:gd name="connsiteX4" fmla="*/ 356868 w 423543"/>
                <a:gd name="connsiteY4" fmla="*/ 0 h 38100"/>
                <a:gd name="connsiteX5" fmla="*/ 385443 w 423543"/>
                <a:gd name="connsiteY5" fmla="*/ 0 h 38100"/>
                <a:gd name="connsiteX6" fmla="*/ 423543 w 423543"/>
                <a:gd name="connsiteY6" fmla="*/ 38100 h 38100"/>
                <a:gd name="connsiteX0" fmla="*/ 0 w 431252"/>
                <a:gd name="connsiteY0" fmla="*/ 21370 h 38100"/>
                <a:gd name="connsiteX1" fmla="*/ 78827 w 431252"/>
                <a:gd name="connsiteY1" fmla="*/ 6350 h 38100"/>
                <a:gd name="connsiteX2" fmla="*/ 205827 w 431252"/>
                <a:gd name="connsiteY2" fmla="*/ 0 h 38100"/>
                <a:gd name="connsiteX3" fmla="*/ 313777 w 431252"/>
                <a:gd name="connsiteY3" fmla="*/ 0 h 38100"/>
                <a:gd name="connsiteX4" fmla="*/ 364577 w 431252"/>
                <a:gd name="connsiteY4" fmla="*/ 0 h 38100"/>
                <a:gd name="connsiteX5" fmla="*/ 393152 w 431252"/>
                <a:gd name="connsiteY5" fmla="*/ 0 h 38100"/>
                <a:gd name="connsiteX6" fmla="*/ 431252 w 431252"/>
                <a:gd name="connsiteY6" fmla="*/ 38100 h 38100"/>
                <a:gd name="connsiteX0" fmla="*/ 0 w 459877"/>
                <a:gd name="connsiteY0" fmla="*/ 16635 h 38100"/>
                <a:gd name="connsiteX1" fmla="*/ 107452 w 459877"/>
                <a:gd name="connsiteY1" fmla="*/ 6350 h 38100"/>
                <a:gd name="connsiteX2" fmla="*/ 234452 w 459877"/>
                <a:gd name="connsiteY2" fmla="*/ 0 h 38100"/>
                <a:gd name="connsiteX3" fmla="*/ 342402 w 459877"/>
                <a:gd name="connsiteY3" fmla="*/ 0 h 38100"/>
                <a:gd name="connsiteX4" fmla="*/ 393202 w 459877"/>
                <a:gd name="connsiteY4" fmla="*/ 0 h 38100"/>
                <a:gd name="connsiteX5" fmla="*/ 421777 w 459877"/>
                <a:gd name="connsiteY5" fmla="*/ 0 h 38100"/>
                <a:gd name="connsiteX6" fmla="*/ 459877 w 459877"/>
                <a:gd name="connsiteY6" fmla="*/ 38100 h 38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59877" h="38100">
                  <a:moveTo>
                    <a:pt x="0" y="16635"/>
                  </a:moveTo>
                  <a:lnTo>
                    <a:pt x="107452" y="6350"/>
                  </a:lnTo>
                  <a:lnTo>
                    <a:pt x="234452" y="0"/>
                  </a:lnTo>
                  <a:lnTo>
                    <a:pt x="342402" y="0"/>
                  </a:lnTo>
                  <a:lnTo>
                    <a:pt x="393202" y="0"/>
                  </a:lnTo>
                  <a:lnTo>
                    <a:pt x="421777" y="0"/>
                  </a:lnTo>
                  <a:lnTo>
                    <a:pt x="459877" y="38100"/>
                  </a:lnTo>
                </a:path>
              </a:pathLst>
            </a:custGeom>
            <a:noFill/>
            <a:ln w="73025" cmpd="dbl">
              <a:solidFill>
                <a:srgbClr val="FFFF00">
                  <a:alpha val="77000"/>
                </a:srgb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1" name="正方形/長方形 50"/>
            <p:cNvSpPr/>
            <p:nvPr/>
          </p:nvSpPr>
          <p:spPr>
            <a:xfrm>
              <a:off x="8595246" y="7233015"/>
              <a:ext cx="961110" cy="14597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a:off x="9653497" y="7180615"/>
              <a:ext cx="932489" cy="13358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3" name="直線コネクタ 52"/>
            <p:cNvCxnSpPr/>
            <p:nvPr/>
          </p:nvCxnSpPr>
          <p:spPr>
            <a:xfrm>
              <a:off x="8600933" y="7389277"/>
              <a:ext cx="857668" cy="29118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a:endCxn id="50" idx="4"/>
            </p:cNvCxnSpPr>
            <p:nvPr/>
          </p:nvCxnSpPr>
          <p:spPr>
            <a:xfrm>
              <a:off x="9546736" y="7370621"/>
              <a:ext cx="148994" cy="126297"/>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a:endCxn id="50" idx="4"/>
            </p:cNvCxnSpPr>
            <p:nvPr/>
          </p:nvCxnSpPr>
          <p:spPr>
            <a:xfrm>
              <a:off x="9636583" y="7324553"/>
              <a:ext cx="59147" cy="17236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a:endCxn id="68" idx="8"/>
            </p:cNvCxnSpPr>
            <p:nvPr/>
          </p:nvCxnSpPr>
          <p:spPr>
            <a:xfrm flipH="1">
              <a:off x="10392986" y="7326968"/>
              <a:ext cx="193000" cy="21091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a:off x="9313063" y="7420492"/>
              <a:ext cx="299523" cy="213404"/>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p:nvPr/>
          </p:nvCxnSpPr>
          <p:spPr>
            <a:xfrm flipH="1">
              <a:off x="9678317" y="7433769"/>
              <a:ext cx="811169" cy="3350"/>
            </a:xfrm>
            <a:prstGeom prst="line">
              <a:avLst/>
            </a:prstGeom>
            <a:ln w="12700">
              <a:solidFill>
                <a:schemeClr val="tx1"/>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2010300313"/>
      </p:ext>
    </p:extLst>
  </p:cSld>
  <p:clrMapOvr>
    <a:masterClrMapping/>
  </p:clrMapOvr>
  <p:timing>
    <p:tnLst>
      <p:par>
        <p:cTn id="1" dur="indefinite" restart="never" nodeType="tmRoot"/>
      </p:par>
    </p:tn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グループ化 12"/>
          <p:cNvGrpSpPr/>
          <p:nvPr/>
        </p:nvGrpSpPr>
        <p:grpSpPr>
          <a:xfrm>
            <a:off x="5508336" y="2236423"/>
            <a:ext cx="2422814" cy="3808628"/>
            <a:chOff x="5589495" y="2064400"/>
            <a:chExt cx="2784855" cy="4377752"/>
          </a:xfrm>
        </p:grpSpPr>
        <p:pic>
          <p:nvPicPr>
            <p:cNvPr id="10" name="図 9"/>
            <p:cNvPicPr>
              <a:picLocks noChangeAspect="1"/>
            </p:cNvPicPr>
            <p:nvPr/>
          </p:nvPicPr>
          <p:blipFill rotWithShape="1">
            <a:blip r:embed="rId3"/>
            <a:srcRect l="2592" t="14404" r="52037" b="2897"/>
            <a:stretch/>
          </p:blipFill>
          <p:spPr>
            <a:xfrm>
              <a:off x="5618364" y="2064400"/>
              <a:ext cx="2755986" cy="2131626"/>
            </a:xfrm>
            <a:prstGeom prst="rect">
              <a:avLst/>
            </a:prstGeom>
          </p:spPr>
        </p:pic>
        <p:pic>
          <p:nvPicPr>
            <p:cNvPr id="19" name="図 18"/>
            <p:cNvPicPr>
              <a:picLocks noChangeAspect="1"/>
            </p:cNvPicPr>
            <p:nvPr/>
          </p:nvPicPr>
          <p:blipFill rotWithShape="1">
            <a:blip r:embed="rId3"/>
            <a:srcRect l="55205" t="24433" r="2009" b="2542"/>
            <a:stretch/>
          </p:blipFill>
          <p:spPr>
            <a:xfrm>
              <a:off x="5589495" y="4527514"/>
              <a:ext cx="2643668" cy="1914638"/>
            </a:xfrm>
            <a:prstGeom prst="rect">
              <a:avLst/>
            </a:prstGeom>
          </p:spPr>
        </p:pic>
      </p:grpSp>
      <p:sp>
        <p:nvSpPr>
          <p:cNvPr id="16" name="正方形/長方形 15"/>
          <p:cNvSpPr/>
          <p:nvPr/>
        </p:nvSpPr>
        <p:spPr>
          <a:xfrm>
            <a:off x="5088483" y="4105646"/>
            <a:ext cx="4116189"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後１年間の渋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数</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Km</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上））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911" y="1754942"/>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088483"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交通混雑期の渋滞回数</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Km</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07504" y="42656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7504" y="1061720"/>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新名神開通により、「新名神」と「名神・中国道」で交通が分散し、「名神・中国道」の年間の渋滞回数は約７割減となっ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47790" y="6240469"/>
            <a:ext cx="4424210" cy="553998"/>
          </a:xfrm>
          <a:prstGeom prst="rect">
            <a:avLst/>
          </a:prstGeom>
        </p:spPr>
        <p:txBody>
          <a:bodyPr wrap="square">
            <a:spAutoFit/>
          </a:bodyPr>
          <a:lstStyle/>
          <a:p>
            <a:pPr marL="361950" indent="-36195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　本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交通量は、交通量計測装置による値（加重平均</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r>
              <a:rPr lang="en-US" altLang="ja-JP" dirty="0" smtClean="0"/>
              <a:t>130</a:t>
            </a:r>
            <a:endParaRPr lang="ja-JP" altLang="en-US" dirty="0"/>
          </a:p>
        </p:txBody>
      </p:sp>
      <p:grpSp>
        <p:nvGrpSpPr>
          <p:cNvPr id="9" name="グループ化 8"/>
          <p:cNvGrpSpPr/>
          <p:nvPr/>
        </p:nvGrpSpPr>
        <p:grpSpPr>
          <a:xfrm>
            <a:off x="309245" y="2363735"/>
            <a:ext cx="4673776" cy="3906890"/>
            <a:chOff x="934305" y="2486364"/>
            <a:chExt cx="5797935" cy="4846594"/>
          </a:xfrm>
        </p:grpSpPr>
        <p:pic>
          <p:nvPicPr>
            <p:cNvPr id="7" name="図 6"/>
            <p:cNvPicPr>
              <a:picLocks noChangeAspect="1"/>
            </p:cNvPicPr>
            <p:nvPr/>
          </p:nvPicPr>
          <p:blipFill>
            <a:blip r:embed="rId4"/>
            <a:stretch>
              <a:fillRect/>
            </a:stretch>
          </p:blipFill>
          <p:spPr>
            <a:xfrm>
              <a:off x="971601" y="2486364"/>
              <a:ext cx="5760639" cy="2431870"/>
            </a:xfrm>
            <a:prstGeom prst="rect">
              <a:avLst/>
            </a:prstGeom>
          </p:spPr>
        </p:pic>
        <p:pic>
          <p:nvPicPr>
            <p:cNvPr id="8" name="図 7"/>
            <p:cNvPicPr>
              <a:picLocks noChangeAspect="1"/>
            </p:cNvPicPr>
            <p:nvPr/>
          </p:nvPicPr>
          <p:blipFill rotWithShape="1">
            <a:blip r:embed="rId5"/>
            <a:srcRect l="5952" t="18606" r="6820" b="9754"/>
            <a:stretch/>
          </p:blipFill>
          <p:spPr>
            <a:xfrm>
              <a:off x="934305" y="4903161"/>
              <a:ext cx="5596047" cy="2429797"/>
            </a:xfrm>
            <a:prstGeom prst="rect">
              <a:avLst/>
            </a:prstGeom>
          </p:spPr>
        </p:pic>
      </p:grpSp>
      <p:sp>
        <p:nvSpPr>
          <p:cNvPr id="22" name="正方形/長方形 21"/>
          <p:cNvSpPr/>
          <p:nvPr/>
        </p:nvSpPr>
        <p:spPr>
          <a:xfrm>
            <a:off x="245338"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911011" y="1754942"/>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渋滞</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934943" y="5949280"/>
            <a:ext cx="4029545" cy="861774"/>
          </a:xfrm>
          <a:prstGeom prst="rect">
            <a:avLst/>
          </a:prstGeom>
        </p:spPr>
        <p:txBody>
          <a:bodyPr wrap="square">
            <a:spAutoFit/>
          </a:bodyPr>
          <a:lstStyle/>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２　渋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時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0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下で低速走行、あるいは停止発進を繰り返す車列が</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上かつ</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以上継続し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状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３　新名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と名神（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中国道（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合計値。カッコ内はうち新名神の回数 </a:t>
            </a:r>
          </a:p>
        </p:txBody>
      </p:sp>
      <p:sp>
        <p:nvSpPr>
          <p:cNvPr id="15" name="正方形/長方形 14"/>
          <p:cNvSpPr/>
          <p:nvPr/>
        </p:nvSpPr>
        <p:spPr>
          <a:xfrm>
            <a:off x="309245" y="753058"/>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開通後</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の状況について」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spTree>
    <p:extLst>
      <p:ext uri="{BB962C8B-B14F-4D97-AF65-F5344CB8AC3E}">
        <p14:creationId xmlns:p14="http://schemas.microsoft.com/office/powerpoint/2010/main" val="3518801512"/>
      </p:ext>
    </p:extLst>
  </p:cSld>
  <p:clrMapOvr>
    <a:masterClrMapping/>
  </p:clrMapOvr>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5496" y="2348880"/>
            <a:ext cx="886042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交通戦略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おける事業中の「戦略路線」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公共交通戦略」</a:t>
            </a:r>
            <a:endParaRPr lang="ja-JP" altLang="en-US" sz="11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496" y="4896379"/>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nvPr>
        </p:nvGraphicFramePr>
        <p:xfrm>
          <a:off x="133904" y="5185006"/>
          <a:ext cx="8902591" cy="1280056"/>
        </p:xfrm>
        <a:graphic>
          <a:graphicData uri="http://schemas.openxmlformats.org/drawingml/2006/table">
            <a:tbl>
              <a:tblPr/>
              <a:tblGrid>
                <a:gridCol w="1702581">
                  <a:extLst>
                    <a:ext uri="{9D8B030D-6E8A-4147-A177-3AD203B41FA5}">
                      <a16:colId xmlns:a16="http://schemas.microsoft.com/office/drawing/2014/main" val="20000"/>
                    </a:ext>
                  </a:extLst>
                </a:gridCol>
                <a:gridCol w="7200010">
                  <a:extLst>
                    <a:ext uri="{9D8B030D-6E8A-4147-A177-3AD203B41FA5}">
                      <a16:colId xmlns:a16="http://schemas.microsoft.com/office/drawing/2014/main" val="20001"/>
                    </a:ext>
                  </a:extLst>
                </a:gridCol>
              </a:tblGrid>
              <a:tr h="41812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料⾦負担の軽減 　　　　　　　　　　　　　　　　　　　　・乗継駅における駅機能の充実　　　　　　 　　　　 　</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交通手段のシームレス化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742405">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鉄道駅耐震補強、可動式ホーム柵設置        </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災害時の鉄道運行の情報提供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02956" y="36573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07504" y="742616"/>
            <a:ext cx="8928992" cy="157947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に基づき、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は駅工事・高架工事を実施中、大阪モノレール延伸は都市計画事業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軌道法に基づく工事施行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取得、なにわ筋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都市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がなされ、鉄道事業法</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づく工事施行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を得た。</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鉄道事業者に対し、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提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公共交通の利便性向上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Group 39"/>
          <p:cNvGraphicFramePr>
            <a:graphicFrameLocks noGrp="1"/>
          </p:cNvGraphicFramePr>
          <p:nvPr>
            <p:extLst/>
          </p:nvPr>
        </p:nvGraphicFramePr>
        <p:xfrm>
          <a:off x="107504" y="2636912"/>
          <a:ext cx="8932285" cy="2019744"/>
        </p:xfrm>
        <a:graphic>
          <a:graphicData uri="http://schemas.openxmlformats.org/drawingml/2006/table">
            <a:tbl>
              <a:tblPr/>
              <a:tblGrid>
                <a:gridCol w="1141848">
                  <a:extLst>
                    <a:ext uri="{9D8B030D-6E8A-4147-A177-3AD203B41FA5}">
                      <a16:colId xmlns:a16="http://schemas.microsoft.com/office/drawing/2014/main" val="20000"/>
                    </a:ext>
                  </a:extLst>
                </a:gridCol>
                <a:gridCol w="2564285">
                  <a:extLst>
                    <a:ext uri="{9D8B030D-6E8A-4147-A177-3AD203B41FA5}">
                      <a16:colId xmlns:a16="http://schemas.microsoft.com/office/drawing/2014/main" val="20001"/>
                    </a:ext>
                  </a:extLst>
                </a:gridCol>
                <a:gridCol w="5226152">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chemeClr val="tx1"/>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438331">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北軸の強化、国土軸アクセス</a:t>
                      </a: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放射状鉄道の環状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61368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うめきた（大阪）地下</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今宮）</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速達性や定時制に加え、運行頻度やリダンダンシーも向上）</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bl>
          </a:graphicData>
        </a:graphic>
      </p:graphicFrame>
      <p:sp>
        <p:nvSpPr>
          <p:cNvPr id="11" name="スライド番号プレースホルダー 1"/>
          <p:cNvSpPr txBox="1">
            <a:spLocks/>
          </p:cNvSpPr>
          <p:nvPr/>
        </p:nvSpPr>
        <p:spPr>
          <a:xfrm>
            <a:off x="7046912"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dirty="0"/>
              <a:t>131</a:t>
            </a:r>
            <a:endParaRPr lang="ja-JP" altLang="en-US" dirty="0"/>
          </a:p>
        </p:txBody>
      </p:sp>
    </p:spTree>
    <p:extLst>
      <p:ext uri="{BB962C8B-B14F-4D97-AF65-F5344CB8AC3E}">
        <p14:creationId xmlns:p14="http://schemas.microsoft.com/office/powerpoint/2010/main" val="372255382"/>
      </p:ext>
    </p:extLst>
  </p:cSld>
  <p:clrMapOvr>
    <a:masterClrMapping/>
  </p:clrMapOvr>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371169" y="5900990"/>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sp>
        <p:nvSpPr>
          <p:cNvPr id="16" name="正方形/長方形 10"/>
          <p:cNvSpPr>
            <a:spLocks noChangeArrowheads="1"/>
          </p:cNvSpPr>
          <p:nvPr/>
        </p:nvSpPr>
        <p:spPr bwMode="auto">
          <a:xfrm>
            <a:off x="103367" y="570456"/>
            <a:ext cx="615113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円/楕円 2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7504" y="1700808"/>
            <a:ext cx="507309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ニア・北陸新幹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全線開業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り形成される新幹線ネットワーク</a:t>
            </a:r>
            <a:endParaRPr kumimoji="1" lang="ja-JP" altLang="en-US" sz="1000" dirty="0"/>
          </a:p>
        </p:txBody>
      </p:sp>
      <p:sp>
        <p:nvSpPr>
          <p:cNvPr id="13" name="正方形/長方形 12"/>
          <p:cNvSpPr/>
          <p:nvPr/>
        </p:nvSpPr>
        <p:spPr>
          <a:xfrm>
            <a:off x="124050" y="1052736"/>
            <a:ext cx="8928992"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と北陸新幹線に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等への働きかけを行うなど、新大阪駅までの１日も早い全線開業に向けた取組みを進めている。</a:t>
            </a:r>
          </a:p>
          <a:p>
            <a:pPr algn="just">
              <a:lnSpc>
                <a:spcPts val="2000"/>
              </a:lnSpc>
            </a:pP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5635116"/>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方針 抜粋</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骨太の方針</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２</a:t>
            </a:r>
            <a:r>
              <a:rPr lang="en-US" altLang="ja-JP" sz="10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７閣議決定）</a:t>
            </a:r>
            <a:endParaRPr lang="ja-JP" altLang="en-US" sz="1000" dirty="0"/>
          </a:p>
        </p:txBody>
      </p:sp>
      <p:sp>
        <p:nvSpPr>
          <p:cNvPr id="17" name="スライド番号プレースホルダー 1"/>
          <p:cNvSpPr>
            <a:spLocks noGrp="1"/>
          </p:cNvSpPr>
          <p:nvPr>
            <p:ph type="sldNum" sz="quarter" idx="12"/>
          </p:nvPr>
        </p:nvSpPr>
        <p:spPr>
          <a:xfrm>
            <a:off x="7041091" y="6525924"/>
            <a:ext cx="2133600" cy="365125"/>
          </a:xfrm>
        </p:spPr>
        <p:txBody>
          <a:bodyPr/>
          <a:lstStyle/>
          <a:p>
            <a:pPr>
              <a:defRPr/>
            </a:pPr>
            <a:r>
              <a:rPr lang="en-US" altLang="ja-JP" dirty="0" smtClean="0"/>
              <a:t>132</a:t>
            </a:r>
            <a:endParaRPr lang="ja-JP" altLang="en-US" dirty="0"/>
          </a:p>
        </p:txBody>
      </p:sp>
      <p:pic>
        <p:nvPicPr>
          <p:cNvPr id="125" name="図 124"/>
          <p:cNvPicPr>
            <a:picLocks noChangeAspect="1"/>
          </p:cNvPicPr>
          <p:nvPr/>
        </p:nvPicPr>
        <p:blipFill rotWithShape="1">
          <a:blip r:embed="rId3"/>
          <a:srcRect l="16922" r="4246" b="11958"/>
          <a:stretch/>
        </p:blipFill>
        <p:spPr>
          <a:xfrm>
            <a:off x="172035" y="1916832"/>
            <a:ext cx="4962498" cy="3190684"/>
          </a:xfrm>
          <a:prstGeom prst="rect">
            <a:avLst/>
          </a:prstGeom>
          <a:ln>
            <a:solidFill>
              <a:schemeClr val="tx1">
                <a:lumMod val="65000"/>
                <a:lumOff val="35000"/>
              </a:schemeClr>
            </a:solidFill>
          </a:ln>
        </p:spPr>
      </p:pic>
      <p:sp>
        <p:nvSpPr>
          <p:cNvPr id="129" name="角丸四角形 128"/>
          <p:cNvSpPr/>
          <p:nvPr/>
        </p:nvSpPr>
        <p:spPr>
          <a:xfrm>
            <a:off x="251520" y="2247923"/>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東京　３５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sp>
        <p:nvSpPr>
          <p:cNvPr id="130" name="テキスト ボックス 129"/>
          <p:cNvSpPr txBox="1"/>
          <p:nvPr/>
        </p:nvSpPr>
        <p:spPr>
          <a:xfrm>
            <a:off x="5311816" y="1700808"/>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5364088" y="5126995"/>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リニア中央</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コネクタ 3"/>
          <p:cNvCxnSpPr/>
          <p:nvPr/>
        </p:nvCxnSpPr>
        <p:spPr>
          <a:xfrm flipV="1">
            <a:off x="3419872" y="2423896"/>
            <a:ext cx="792088" cy="311157"/>
          </a:xfrm>
          <a:prstGeom prst="line">
            <a:avLst/>
          </a:prstGeom>
          <a:ln w="12700"/>
        </p:spPr>
        <p:style>
          <a:lnRef idx="1">
            <a:schemeClr val="dk1"/>
          </a:lnRef>
          <a:fillRef idx="0">
            <a:schemeClr val="dk1"/>
          </a:fillRef>
          <a:effectRef idx="0">
            <a:schemeClr val="dk1"/>
          </a:effectRef>
          <a:fontRef idx="minor">
            <a:schemeClr val="tx1"/>
          </a:fontRef>
        </p:style>
      </p:cxnSp>
      <p:cxnSp>
        <p:nvCxnSpPr>
          <p:cNvPr id="7" name="直線コネクタ 6"/>
          <p:cNvCxnSpPr/>
          <p:nvPr/>
        </p:nvCxnSpPr>
        <p:spPr>
          <a:xfrm>
            <a:off x="2129334" y="2996952"/>
            <a:ext cx="354780" cy="141754"/>
          </a:xfrm>
          <a:prstGeom prst="line">
            <a:avLst/>
          </a:prstGeom>
          <a:ln w="12700"/>
        </p:spPr>
        <p:style>
          <a:lnRef idx="1">
            <a:schemeClr val="dk1"/>
          </a:lnRef>
          <a:fillRef idx="0">
            <a:schemeClr val="dk1"/>
          </a:fillRef>
          <a:effectRef idx="0">
            <a:schemeClr val="dk1"/>
          </a:effectRef>
          <a:fontRef idx="minor">
            <a:schemeClr val="tx1"/>
          </a:fontRef>
        </p:style>
      </p:cxnSp>
      <p:sp>
        <p:nvSpPr>
          <p:cNvPr id="33" name="テキスト ボックス 32"/>
          <p:cNvSpPr txBox="1"/>
          <p:nvPr/>
        </p:nvSpPr>
        <p:spPr>
          <a:xfrm>
            <a:off x="5403561" y="6525924"/>
            <a:ext cx="5865183" cy="215444"/>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5475569" y="5373216"/>
          <a:ext cx="3455366" cy="1155700"/>
        </p:xfrm>
        <a:graphic>
          <a:graphicData uri="http://schemas.openxmlformats.org/drawingml/2006/table">
            <a:tbl>
              <a:tblPr firstRow="1" bandRow="1">
                <a:tableStyleId>{D7AC3CCA-C797-4891-BE02-D94E43425B78}</a:tableStyleId>
              </a:tblPr>
              <a:tblGrid>
                <a:gridCol w="864094">
                  <a:extLst>
                    <a:ext uri="{9D8B030D-6E8A-4147-A177-3AD203B41FA5}">
                      <a16:colId xmlns:a16="http://schemas.microsoft.com/office/drawing/2014/main" val="3257375910"/>
                    </a:ext>
                  </a:extLst>
                </a:gridCol>
                <a:gridCol w="1296144">
                  <a:extLst>
                    <a:ext uri="{9D8B030D-6E8A-4147-A177-3AD203B41FA5}">
                      <a16:colId xmlns:a16="http://schemas.microsoft.com/office/drawing/2014/main" val="2183642815"/>
                    </a:ext>
                  </a:extLst>
                </a:gridCol>
                <a:gridCol w="1295128">
                  <a:extLst>
                    <a:ext uri="{9D8B030D-6E8A-4147-A177-3AD203B41FA5}">
                      <a16:colId xmlns:a16="http://schemas.microsoft.com/office/drawing/2014/main" val="871403320"/>
                    </a:ext>
                  </a:extLst>
                </a:gridCol>
              </a:tblGrid>
              <a:tr h="370840">
                <a:tc>
                  <a:txBody>
                    <a:bodyPr/>
                    <a:lstStyle/>
                    <a:p>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0" dirty="0" smtClean="0">
                          <a:latin typeface="Meiryo UI" panose="020B0604030504040204" pitchFamily="50" charset="-128"/>
                          <a:ea typeface="Meiryo UI" panose="020B0604030504040204" pitchFamily="50" charset="-128"/>
                        </a:rPr>
                        <a:t>大阪・東京間　　</a:t>
                      </a:r>
                      <a:r>
                        <a:rPr lang="en-US" altLang="ja-JP" sz="800" b="0" dirty="0" smtClean="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現行</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47</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en-US" altLang="ja-JP" sz="1050" b="0" dirty="0" smtClean="0">
                          <a:latin typeface="Meiryo UI" panose="020B0604030504040204" pitchFamily="50" charset="-128"/>
                          <a:ea typeface="Meiryo UI" panose="020B0604030504040204" pitchFamily="50" charset="-128"/>
                        </a:rPr>
                        <a:t>135</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全線開業時</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algn="l"/>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2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algn="l"/>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20</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6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68</a:t>
                      </a:r>
                      <a:r>
                        <a:rPr kumimoji="1" lang="ja-JP" altLang="en-US" sz="1050" b="0" dirty="0" smtClean="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6" name="テキスト ボックス 5"/>
          <p:cNvSpPr txBox="1"/>
          <p:nvPr/>
        </p:nvSpPr>
        <p:spPr>
          <a:xfrm>
            <a:off x="3820132" y="2054998"/>
            <a:ext cx="1295636" cy="638636"/>
          </a:xfrm>
          <a:prstGeom prst="rect">
            <a:avLst/>
          </a:prstGeom>
          <a:solidFill>
            <a:schemeClr val="bg1"/>
          </a:solidFill>
          <a:ln>
            <a:solidFill>
              <a:schemeClr val="tx1"/>
            </a:solidFill>
          </a:ln>
        </p:spPr>
        <p:txBody>
          <a:bodyPr wrap="square" rtlCol="0">
            <a:spAutoFit/>
          </a:bodyPr>
          <a:lstStyle/>
          <a:p>
            <a:r>
              <a:rPr lang="ja-JP" altLang="en-US" sz="900" dirty="0">
                <a:latin typeface="Meiryo UI" panose="020B0604030504040204" pitchFamily="50" charset="-128"/>
                <a:ea typeface="Meiryo UI" panose="020B0604030504040204" pitchFamily="50" charset="-128"/>
              </a:rPr>
              <a:t>北陸新幹線</a:t>
            </a:r>
            <a:endParaRPr lang="en-US" altLang="ja-JP" sz="900" dirty="0">
              <a:latin typeface="Meiryo UI" panose="020B0604030504040204" pitchFamily="50" charset="-128"/>
              <a:ea typeface="Meiryo UI" panose="020B0604030504040204" pitchFamily="50" charset="-128"/>
            </a:endParaRPr>
          </a:p>
          <a:p>
            <a:pPr algn="ctr"/>
            <a:r>
              <a:rPr lang="ja-JP" altLang="en-US" sz="900" dirty="0">
                <a:latin typeface="Meiryo UI" panose="020B0604030504040204" pitchFamily="50" charset="-128"/>
                <a:ea typeface="Meiryo UI" panose="020B0604030504040204" pitchFamily="50" charset="-128"/>
              </a:rPr>
              <a:t>金沢・敦賀間</a:t>
            </a:r>
            <a:r>
              <a:rPr lang="en-US" altLang="ja-JP" sz="700" dirty="0">
                <a:latin typeface="Meiryo UI" panose="020B0604030504040204" pitchFamily="50" charset="-128"/>
                <a:ea typeface="Meiryo UI" panose="020B0604030504040204" pitchFamily="50" charset="-128"/>
              </a:rPr>
              <a:t>&lt;143km&gt;</a:t>
            </a:r>
          </a:p>
          <a:p>
            <a:pPr algn="ctr">
              <a:lnSpc>
                <a:spcPts val="720"/>
              </a:lnSpc>
            </a:pPr>
            <a:r>
              <a:rPr lang="en-US" altLang="ja-JP" sz="700" dirty="0">
                <a:latin typeface="Meiryo UI" panose="020B0604030504040204" pitchFamily="50" charset="-128"/>
                <a:ea typeface="Meiryo UI" panose="020B0604030504040204" pitchFamily="50" charset="-128"/>
              </a:rPr>
              <a:t>(2022</a:t>
            </a:r>
            <a:r>
              <a:rPr lang="ja-JP" altLang="en-US" sz="700" dirty="0">
                <a:latin typeface="Meiryo UI" panose="020B0604030504040204" pitchFamily="50" charset="-128"/>
                <a:ea typeface="Meiryo UI" panose="020B0604030504040204" pitchFamily="50" charset="-128"/>
              </a:rPr>
              <a:t>年度末開業予定</a:t>
            </a:r>
            <a:r>
              <a:rPr lang="en-US" altLang="ja-JP" sz="700" dirty="0">
                <a:latin typeface="Meiryo UI" panose="020B0604030504040204" pitchFamily="50" charset="-128"/>
                <a:ea typeface="Meiryo UI" panose="020B0604030504040204" pitchFamily="50" charset="-128"/>
              </a:rPr>
              <a:t>※)</a:t>
            </a:r>
          </a:p>
          <a:p>
            <a:pPr algn="ctr">
              <a:lnSpc>
                <a:spcPts val="720"/>
              </a:lnSpc>
            </a:pPr>
            <a:r>
              <a:rPr lang="en-US" altLang="ja-JP" sz="700" dirty="0">
                <a:latin typeface="Meiryo UI" panose="020B0604030504040204" pitchFamily="50" charset="-128"/>
                <a:ea typeface="Meiryo UI" panose="020B0604030504040204" pitchFamily="50" charset="-128"/>
              </a:rPr>
              <a:t>※</a:t>
            </a:r>
            <a:r>
              <a:rPr lang="ja-JP" altLang="en-US" sz="700" dirty="0">
                <a:latin typeface="Meiryo UI" panose="020B0604030504040204" pitchFamily="50" charset="-128"/>
                <a:ea typeface="Meiryo UI" panose="020B0604030504040204" pitchFamily="50" charset="-128"/>
              </a:rPr>
              <a:t>国土交通省が１年程度</a:t>
            </a:r>
            <a:endParaRPr lang="en-US" altLang="ja-JP" sz="700" dirty="0">
              <a:latin typeface="Meiryo UI" panose="020B0604030504040204" pitchFamily="50" charset="-128"/>
              <a:ea typeface="Meiryo UI" panose="020B0604030504040204" pitchFamily="50" charset="-128"/>
            </a:endParaRPr>
          </a:p>
          <a:p>
            <a:pPr algn="ctr">
              <a:lnSpc>
                <a:spcPts val="720"/>
              </a:lnSpc>
            </a:pPr>
            <a:r>
              <a:rPr lang="ja-JP" altLang="en-US" sz="700" dirty="0">
                <a:latin typeface="Meiryo UI" panose="020B0604030504040204" pitchFamily="50" charset="-128"/>
                <a:ea typeface="Meiryo UI" panose="020B0604030504040204" pitchFamily="50" charset="-128"/>
              </a:rPr>
              <a:t>遅れる見込みを公表</a:t>
            </a:r>
          </a:p>
        </p:txBody>
      </p:sp>
      <p:sp>
        <p:nvSpPr>
          <p:cNvPr id="45" name="テキスト ボックス 44"/>
          <p:cNvSpPr txBox="1"/>
          <p:nvPr/>
        </p:nvSpPr>
        <p:spPr>
          <a:xfrm>
            <a:off x="1005908" y="2867454"/>
            <a:ext cx="1115616" cy="430887"/>
          </a:xfrm>
          <a:prstGeom prst="rect">
            <a:avLst/>
          </a:prstGeom>
          <a:solidFill>
            <a:schemeClr val="bg1"/>
          </a:solidFill>
          <a:ln>
            <a:solidFill>
              <a:schemeClr val="tx1"/>
            </a:solidFill>
          </a:ln>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rPr>
              <a:t>　北陸新幹線</a:t>
            </a:r>
            <a:endParaRPr kumimoji="1" lang="en-US" altLang="ja-JP" sz="800" dirty="0" smtClean="0">
              <a:latin typeface="Meiryo UI" panose="020B0604030504040204" pitchFamily="50" charset="-128"/>
              <a:ea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rPr>
              <a:t>　敦賀・新大阪間</a:t>
            </a:r>
            <a:endParaRPr lang="en-US" altLang="ja-JP" sz="600" dirty="0" smtClean="0">
              <a:latin typeface="Meiryo UI" panose="020B0604030504040204" pitchFamily="50" charset="-128"/>
              <a:ea typeface="Meiryo UI" panose="020B0604030504040204" pitchFamily="50" charset="-128"/>
            </a:endParaRPr>
          </a:p>
          <a:p>
            <a:pPr algn="ctr"/>
            <a:r>
              <a:rPr lang="en-US" altLang="ja-JP" sz="600" dirty="0" smtClean="0">
                <a:latin typeface="Meiryo UI" panose="020B0604030504040204" pitchFamily="50" charset="-128"/>
                <a:ea typeface="Meiryo UI" panose="020B0604030504040204" pitchFamily="50" charset="-128"/>
              </a:rPr>
              <a:t>(2019.5</a:t>
            </a:r>
            <a:r>
              <a:rPr lang="ja-JP" altLang="en-US" sz="600" dirty="0" smtClean="0">
                <a:latin typeface="Meiryo UI" panose="020B0604030504040204" pitchFamily="50" charset="-128"/>
                <a:ea typeface="Meiryo UI" panose="020B0604030504040204" pitchFamily="50" charset="-128"/>
              </a:rPr>
              <a:t>環境ｱｾｽﾒﾝﾄ着手</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172035" y="5060875"/>
            <a:ext cx="5865183"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国土交通省公表資料を</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基</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に作成</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11560" y="3320407"/>
            <a:ext cx="1509964" cy="430887"/>
          </a:xfrm>
          <a:prstGeom prst="rect">
            <a:avLst/>
          </a:prstGeom>
          <a:solidFill>
            <a:schemeClr val="bg1"/>
          </a:solidFill>
          <a:ln>
            <a:solidFill>
              <a:schemeClr val="tx1"/>
            </a:solidFill>
          </a:ln>
        </p:spPr>
        <p:txBody>
          <a:bodyPr wrap="square" rtlCol="0">
            <a:spAutoFit/>
          </a:bodyPr>
          <a:lstStyle/>
          <a:p>
            <a:r>
              <a:rPr lang="ja-JP" altLang="en-US" sz="800" dirty="0" smtClean="0">
                <a:latin typeface="Meiryo UI" panose="020B0604030504040204" pitchFamily="50" charset="-128"/>
                <a:ea typeface="Meiryo UI" panose="020B0604030504040204" pitchFamily="50" charset="-128"/>
              </a:rPr>
              <a:t>　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名古屋</a:t>
            </a:r>
            <a:r>
              <a:rPr lang="ja-JP" altLang="en-US" sz="800" dirty="0" smtClean="0">
                <a:latin typeface="Meiryo UI" panose="020B0604030504040204" pitchFamily="50" charset="-128"/>
                <a:ea typeface="Meiryo UI" panose="020B0604030504040204" pitchFamily="50" charset="-128"/>
              </a:rPr>
              <a:t>・新大阪間</a:t>
            </a:r>
            <a:r>
              <a:rPr lang="en-US" altLang="ja-JP" sz="600" dirty="0" smtClean="0">
                <a:latin typeface="Meiryo UI" panose="020B0604030504040204" pitchFamily="50" charset="-128"/>
                <a:ea typeface="Meiryo UI" panose="020B0604030504040204" pitchFamily="50" charset="-128"/>
              </a:rPr>
              <a:t>&lt;152km&gt;</a:t>
            </a:r>
          </a:p>
          <a:p>
            <a:pPr algn="ctr"/>
            <a:r>
              <a:rPr lang="en-US" altLang="ja-JP" sz="600" dirty="0" smtClean="0">
                <a:latin typeface="Meiryo UI" panose="020B0604030504040204" pitchFamily="50" charset="-128"/>
                <a:ea typeface="Meiryo UI" panose="020B0604030504040204" pitchFamily="50" charset="-128"/>
              </a:rPr>
              <a:t>(2045</a:t>
            </a:r>
            <a:r>
              <a:rPr lang="ja-JP" altLang="en-US" sz="600" dirty="0" smtClean="0">
                <a:latin typeface="Meiryo UI" panose="020B0604030504040204" pitchFamily="50" charset="-128"/>
                <a:ea typeface="Meiryo UI" panose="020B0604030504040204" pitchFamily="50" charset="-128"/>
              </a:rPr>
              <a:t>年から最大</a:t>
            </a:r>
            <a:r>
              <a:rPr lang="en-US" altLang="ja-JP" sz="600" dirty="0" smtClean="0">
                <a:latin typeface="Meiryo UI" panose="020B0604030504040204" pitchFamily="50" charset="-128"/>
                <a:ea typeface="Meiryo UI" panose="020B0604030504040204" pitchFamily="50" charset="-128"/>
              </a:rPr>
              <a:t>8</a:t>
            </a:r>
            <a:r>
              <a:rPr lang="ja-JP" altLang="en-US" sz="600" dirty="0" smtClean="0">
                <a:latin typeface="Meiryo UI" panose="020B0604030504040204" pitchFamily="50" charset="-128"/>
                <a:ea typeface="Meiryo UI" panose="020B0604030504040204" pitchFamily="50" charset="-128"/>
              </a:rPr>
              <a:t>年前倒し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52" name="直線コネクタ 51"/>
          <p:cNvCxnSpPr/>
          <p:nvPr/>
        </p:nvCxnSpPr>
        <p:spPr>
          <a:xfrm>
            <a:off x="2016193" y="3751840"/>
            <a:ext cx="593335" cy="604553"/>
          </a:xfrm>
          <a:prstGeom prst="line">
            <a:avLst/>
          </a:prstGeom>
          <a:ln w="12700"/>
        </p:spPr>
        <p:style>
          <a:lnRef idx="1">
            <a:schemeClr val="dk1"/>
          </a:lnRef>
          <a:fillRef idx="0">
            <a:schemeClr val="dk1"/>
          </a:fillRef>
          <a:effectRef idx="0">
            <a:schemeClr val="dk1"/>
          </a:effectRef>
          <a:fontRef idx="minor">
            <a:schemeClr val="tx1"/>
          </a:fontRef>
        </p:style>
      </p:cxnSp>
      <p:sp>
        <p:nvSpPr>
          <p:cNvPr id="54" name="テキスト ボックス 53"/>
          <p:cNvSpPr txBox="1"/>
          <p:nvPr/>
        </p:nvSpPr>
        <p:spPr>
          <a:xfrm>
            <a:off x="3815916" y="2722501"/>
            <a:ext cx="1293940" cy="430887"/>
          </a:xfrm>
          <a:prstGeom prst="rect">
            <a:avLst/>
          </a:prstGeom>
          <a:solidFill>
            <a:schemeClr val="bg1"/>
          </a:solidFill>
          <a:ln>
            <a:solidFill>
              <a:schemeClr val="tx1"/>
            </a:solidFill>
          </a:ln>
        </p:spPr>
        <p:txBody>
          <a:bodyPr wrap="square" rtlCol="0">
            <a:spAutoFit/>
          </a:bodyPr>
          <a:lstStyle/>
          <a:p>
            <a:r>
              <a:rPr lang="ja-JP" altLang="en-US" sz="800" dirty="0" smtClean="0">
                <a:latin typeface="Meiryo UI" panose="020B0604030504040204" pitchFamily="50" charset="-128"/>
                <a:ea typeface="Meiryo UI" panose="020B0604030504040204" pitchFamily="50" charset="-128"/>
              </a:rPr>
              <a:t>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品川</a:t>
            </a:r>
            <a:r>
              <a:rPr lang="ja-JP" altLang="en-US" sz="800" dirty="0" smtClean="0">
                <a:latin typeface="Meiryo UI" panose="020B0604030504040204" pitchFamily="50" charset="-128"/>
                <a:ea typeface="Meiryo UI" panose="020B0604030504040204" pitchFamily="50" charset="-128"/>
              </a:rPr>
              <a:t>・名古屋間</a:t>
            </a:r>
            <a:r>
              <a:rPr lang="en-US" altLang="ja-JP" sz="600" dirty="0" smtClean="0">
                <a:latin typeface="Meiryo UI" panose="020B0604030504040204" pitchFamily="50" charset="-128"/>
                <a:ea typeface="Meiryo UI" panose="020B0604030504040204" pitchFamily="50" charset="-128"/>
              </a:rPr>
              <a:t>&lt;286km&gt;</a:t>
            </a:r>
          </a:p>
          <a:p>
            <a:pPr algn="ctr"/>
            <a:r>
              <a:rPr lang="en-US" altLang="ja-JP" sz="600" dirty="0" smtClean="0">
                <a:latin typeface="Meiryo UI" panose="020B0604030504040204" pitchFamily="50" charset="-128"/>
                <a:ea typeface="Meiryo UI" panose="020B0604030504040204" pitchFamily="50" charset="-128"/>
              </a:rPr>
              <a:t>(2027</a:t>
            </a:r>
            <a:r>
              <a:rPr lang="ja-JP" altLang="en-US" sz="600" dirty="0" smtClean="0">
                <a:latin typeface="Meiryo UI" panose="020B0604030504040204" pitchFamily="50" charset="-128"/>
                <a:ea typeface="Meiryo UI" panose="020B0604030504040204" pitchFamily="50" charset="-128"/>
              </a:rPr>
              <a:t>年開業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55" name="直線コネクタ 54"/>
          <p:cNvCxnSpPr/>
          <p:nvPr/>
        </p:nvCxnSpPr>
        <p:spPr>
          <a:xfrm>
            <a:off x="4788024" y="3153388"/>
            <a:ext cx="144016" cy="453278"/>
          </a:xfrm>
          <a:prstGeom prst="line">
            <a:avLst/>
          </a:prstGeom>
          <a:ln w="12700"/>
        </p:spPr>
        <p:style>
          <a:lnRef idx="1">
            <a:schemeClr val="dk1"/>
          </a:lnRef>
          <a:fillRef idx="0">
            <a:schemeClr val="dk1"/>
          </a:fillRef>
          <a:effectRef idx="0">
            <a:schemeClr val="dk1"/>
          </a:effectRef>
          <a:fontRef idx="minor">
            <a:schemeClr val="tx1"/>
          </a:fontRef>
        </p:style>
      </p:cxnSp>
      <p:graphicFrame>
        <p:nvGraphicFramePr>
          <p:cNvPr id="35" name="表 34"/>
          <p:cNvGraphicFramePr>
            <a:graphicFrameLocks noGrp="1"/>
          </p:cNvGraphicFramePr>
          <p:nvPr>
            <p:extLst>
              <p:ext uri="{D42A27DB-BD31-4B8C-83A1-F6EECF244321}">
                <p14:modId xmlns:p14="http://schemas.microsoft.com/office/powerpoint/2010/main" val="1695767219"/>
              </p:ext>
            </p:extLst>
          </p:nvPr>
        </p:nvGraphicFramePr>
        <p:xfrm>
          <a:off x="148626" y="5929857"/>
          <a:ext cx="5004048" cy="572000"/>
        </p:xfrm>
        <a:graphic>
          <a:graphicData uri="http://schemas.openxmlformats.org/drawingml/2006/table">
            <a:tbl>
              <a:tblPr firstRow="1" firstCol="1" bandRow="1"/>
              <a:tblGrid>
                <a:gridCol w="5004048">
                  <a:extLst>
                    <a:ext uri="{9D8B030D-6E8A-4147-A177-3AD203B41FA5}">
                      <a16:colId xmlns:a16="http://schemas.microsoft.com/office/drawing/2014/main" val="20000"/>
                    </a:ext>
                  </a:extLst>
                </a:gridCol>
              </a:tblGrid>
              <a:tr h="572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の人流・物流ネットワークの早期整備・活用（略）を図り、二者択一ではない大都市圏と地方圏の関係の構築につなげていく。</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pic>
        <p:nvPicPr>
          <p:cNvPr id="36" name="図 35"/>
          <p:cNvPicPr>
            <a:picLocks noChangeAspect="1"/>
          </p:cNvPicPr>
          <p:nvPr/>
        </p:nvPicPr>
        <p:blipFill rotWithShape="1">
          <a:blip r:embed="rId4">
            <a:extLst>
              <a:ext uri="{28A0092B-C50C-407E-A947-70E740481C1C}">
                <a14:useLocalDpi xmlns:a14="http://schemas.microsoft.com/office/drawing/2010/main" val="0"/>
              </a:ext>
            </a:extLst>
          </a:blip>
          <a:srcRect t="1" b="4851"/>
          <a:stretch/>
        </p:blipFill>
        <p:spPr>
          <a:xfrm>
            <a:off x="5475569" y="1979870"/>
            <a:ext cx="2177415" cy="611746"/>
          </a:xfrm>
          <a:prstGeom prst="rect">
            <a:avLst/>
          </a:prstGeom>
        </p:spPr>
      </p:pic>
      <p:pic>
        <p:nvPicPr>
          <p:cNvPr id="37" name="図 36"/>
          <p:cNvPicPr>
            <a:picLocks noChangeAspect="1"/>
          </p:cNvPicPr>
          <p:nvPr/>
        </p:nvPicPr>
        <p:blipFill rotWithShape="1">
          <a:blip r:embed="rId5"/>
          <a:srcRect l="-2" r="971"/>
          <a:stretch/>
        </p:blipFill>
        <p:spPr>
          <a:xfrm>
            <a:off x="5815262" y="2639339"/>
            <a:ext cx="1842179" cy="2263140"/>
          </a:xfrm>
          <a:prstGeom prst="rect">
            <a:avLst/>
          </a:prstGeom>
        </p:spPr>
      </p:pic>
      <p:grpSp>
        <p:nvGrpSpPr>
          <p:cNvPr id="38" name="グループ化 37"/>
          <p:cNvGrpSpPr/>
          <p:nvPr/>
        </p:nvGrpSpPr>
        <p:grpSpPr>
          <a:xfrm>
            <a:off x="7862138" y="3835489"/>
            <a:ext cx="869082" cy="1036035"/>
            <a:chOff x="7939236" y="2518194"/>
            <a:chExt cx="869082" cy="1036035"/>
          </a:xfrm>
        </p:grpSpPr>
        <p:pic>
          <p:nvPicPr>
            <p:cNvPr id="39" name="図 38"/>
            <p:cNvPicPr>
              <a:picLocks noChangeAspect="1"/>
            </p:cNvPicPr>
            <p:nvPr/>
          </p:nvPicPr>
          <p:blipFill>
            <a:blip r:embed="rId6"/>
            <a:stretch>
              <a:fillRect/>
            </a:stretch>
          </p:blipFill>
          <p:spPr>
            <a:xfrm>
              <a:off x="7939236" y="2518194"/>
              <a:ext cx="869082" cy="457200"/>
            </a:xfrm>
            <a:prstGeom prst="rect">
              <a:avLst/>
            </a:prstGeom>
          </p:spPr>
        </p:pic>
        <p:pic>
          <p:nvPicPr>
            <p:cNvPr id="40" name="図 39"/>
            <p:cNvPicPr>
              <a:picLocks noChangeAspect="1"/>
            </p:cNvPicPr>
            <p:nvPr/>
          </p:nvPicPr>
          <p:blipFill rotWithShape="1">
            <a:blip r:embed="rId7"/>
            <a:srcRect r="824"/>
            <a:stretch/>
          </p:blipFill>
          <p:spPr>
            <a:xfrm>
              <a:off x="7939236" y="2973204"/>
              <a:ext cx="869082" cy="581025"/>
            </a:xfrm>
            <a:prstGeom prst="rect">
              <a:avLst/>
            </a:prstGeom>
          </p:spPr>
        </p:pic>
      </p:grpSp>
      <p:sp>
        <p:nvSpPr>
          <p:cNvPr id="41" name="テキスト ボックス 40"/>
          <p:cNvSpPr txBox="1"/>
          <p:nvPr/>
        </p:nvSpPr>
        <p:spPr>
          <a:xfrm>
            <a:off x="5413178" y="4914363"/>
            <a:ext cx="5865183"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80692712"/>
      </p:ext>
    </p:extLst>
  </p:cSld>
  <p:clrMapOvr>
    <a:masterClrMapping/>
  </p:clrMapOvr>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179514" y="3096026"/>
            <a:ext cx="4491833"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p:nvPr/>
        </p:nvGrpSpPr>
        <p:grpSpPr>
          <a:xfrm>
            <a:off x="4690855" y="3556123"/>
            <a:ext cx="4063742" cy="2249141"/>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園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収益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41" name="二等辺三角形 40"/>
          <p:cNvSpPr/>
          <p:nvPr/>
        </p:nvSpPr>
        <p:spPr>
          <a:xfrm rot="10800000">
            <a:off x="6294119" y="3855490"/>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539362" y="3462403"/>
            <a:ext cx="4233002" cy="234286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 name="グループ化 1"/>
          <p:cNvGrpSpPr/>
          <p:nvPr/>
        </p:nvGrpSpPr>
        <p:grpSpPr>
          <a:xfrm>
            <a:off x="122974" y="3418901"/>
            <a:ext cx="4233002" cy="2561510"/>
            <a:chOff x="266990" y="2841323"/>
            <a:chExt cx="4233002" cy="2747917"/>
          </a:xfrm>
        </p:grpSpPr>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779135"/>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grpSp>
      <p:sp>
        <p:nvSpPr>
          <p:cNvPr id="45" name="テキスト ボックス 44"/>
          <p:cNvSpPr txBox="1"/>
          <p:nvPr/>
        </p:nvSpPr>
        <p:spPr>
          <a:xfrm>
            <a:off x="1691680" y="3800073"/>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52443" y="6021288"/>
            <a:ext cx="4203533" cy="646331"/>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の、住民・事業主・地権者等による主体的な取り組み</a:t>
            </a:r>
          </a:p>
        </p:txBody>
      </p:sp>
      <p:sp>
        <p:nvSpPr>
          <p:cNvPr id="47" name="正方形/長方形 46"/>
          <p:cNvSpPr/>
          <p:nvPr/>
        </p:nvSpPr>
        <p:spPr>
          <a:xfrm>
            <a:off x="4671347" y="5802799"/>
            <a:ext cx="4365149" cy="1015663"/>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民間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
        <p:nvSpPr>
          <p:cNvPr id="49" name="正方形/長方形 10"/>
          <p:cNvSpPr>
            <a:spLocks noChangeArrowheads="1"/>
          </p:cNvSpPr>
          <p:nvPr/>
        </p:nvSpPr>
        <p:spPr bwMode="auto">
          <a:xfrm>
            <a:off x="87880" y="50842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107504" y="980728"/>
            <a:ext cx="8928992" cy="20162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都市再生推進法人に指定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認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施行。民間団体による公共空間での継続的で自由度の高い活動や質の高い維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空間を活用した事業収益の確保が可能となっ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では、指定管理者制度を活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大阪城公園パークマネジメン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円/楕円 5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33</a:t>
            </a:fld>
            <a:endParaRPr lang="ja-JP" altLang="en-US" b="1" dirty="0"/>
          </a:p>
        </p:txBody>
      </p:sp>
      <p:sp>
        <p:nvSpPr>
          <p:cNvPr id="50" name="正方形/長方形 49"/>
          <p:cNvSpPr/>
          <p:nvPr/>
        </p:nvSpPr>
        <p:spPr>
          <a:xfrm>
            <a:off x="5331809" y="4716676"/>
            <a:ext cx="2781837" cy="2830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solidFill>
                  <a:schemeClr val="tx1"/>
                </a:solidFill>
                <a:latin typeface="Meiryo UI" panose="020B0604030504040204" pitchFamily="50" charset="-128"/>
                <a:ea typeface="Meiryo UI" panose="020B0604030504040204" pitchFamily="50" charset="-128"/>
              </a:rPr>
              <a:t>魅力向上の好循環スパイラルの構築</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3" name="正方形/長方形 52"/>
          <p:cNvSpPr/>
          <p:nvPr/>
        </p:nvSpPr>
        <p:spPr>
          <a:xfrm>
            <a:off x="4397338" y="3096026"/>
            <a:ext cx="492719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概念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93886253"/>
      </p:ext>
    </p:extLst>
  </p:cSld>
  <p:clrMapOvr>
    <a:masterClrMapping/>
  </p:clrMapOvr>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07504" y="441929"/>
            <a:ext cx="8928992" cy="637144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企業・人材・情報が集い、イノベーションが生ま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うめきた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とする「大阪の顔」となる都市空間の実現や民間都市開発事業の進展、地価の上昇など、国内外から企業や人材、情報が集う都市形成が進んで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国際的なビジネス環境や文化・芸術の充実など、国際競争力の高い一体的地域形成に向けた取組みを進める必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安全・安心を確保し、持続的に発展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前より実施している防潮堤の液状化対策や密集市街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昨年の度重なる災害の教訓を踏まえ、府の初動体制強化や市町村支援の充実等の対策を強化するなど、南海トラフ巨大地震をはじめとした災害対策への取組みが進んでいる。引き続き、大阪の成長の基盤となる内外から信頼される最高水準の安全・安心の実現に向け、取組みの充実・強化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新たなエネルギー社会の構築と環境先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光発電設備の増加や大型蓄電システムの実証が進むなど、再生可能エネルギーの利用に向けた取組みが進んでいる。エネルギー問題を地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団体自らの課題と位置づけ、安全かつ安定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適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価格で提供される新た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社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構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こ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重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みどりを活か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は全国で最低水準であり、都市の景観向上や定住魅力を図るためにも、都市緑化の推進は大きな課題。森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適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周辺山系の保全・整備、身近に感じるみどりの創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進めなけれ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ない。</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農空間の多面的な機能を活かした都市づく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の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の農業産出額は一定の増加傾向。多様な担い手の確保や農地の集約化、流動化等により、大消費地に近いポテンシャル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更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されるよう、農業の生産性向上やブランド力の向上、６次産業化による付加価値の向上等への取組みが重要とな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34</a:t>
            </a:fld>
            <a:endParaRPr lang="ja-JP" altLang="en-US" b="1" dirty="0"/>
          </a:p>
        </p:txBody>
      </p:sp>
    </p:spTree>
    <p:extLst>
      <p:ext uri="{BB962C8B-B14F-4D97-AF65-F5344CB8AC3E}">
        <p14:creationId xmlns:p14="http://schemas.microsoft.com/office/powerpoint/2010/main" val="3007828215"/>
      </p:ext>
    </p:extLst>
  </p:cSld>
  <p:clrMapOvr>
    <a:masterClrMapping/>
  </p:clrMapOvr>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590499114"/>
              </p:ext>
            </p:extLst>
          </p:nvPr>
        </p:nvGraphicFramePr>
        <p:xfrm>
          <a:off x="35496" y="2606765"/>
          <a:ext cx="9018353" cy="4242223"/>
        </p:xfrm>
        <a:graphic>
          <a:graphicData uri="http://schemas.openxmlformats.org/drawingml/2006/table">
            <a:tbl>
              <a:tblPr firstRow="1" bandRow="1">
                <a:tableStyleId>{5940675A-B579-460E-94D1-54222C63F5DA}</a:tableStyleId>
              </a:tblPr>
              <a:tblGrid>
                <a:gridCol w="1120289">
                  <a:extLst>
                    <a:ext uri="{9D8B030D-6E8A-4147-A177-3AD203B41FA5}">
                      <a16:colId xmlns:a16="http://schemas.microsoft.com/office/drawing/2014/main" val="20000"/>
                    </a:ext>
                  </a:extLst>
                </a:gridCol>
                <a:gridCol w="696322">
                  <a:extLst>
                    <a:ext uri="{9D8B030D-6E8A-4147-A177-3AD203B41FA5}">
                      <a16:colId xmlns:a16="http://schemas.microsoft.com/office/drawing/2014/main" val="20001"/>
                    </a:ext>
                  </a:extLst>
                </a:gridCol>
                <a:gridCol w="696322">
                  <a:extLst>
                    <a:ext uri="{9D8B030D-6E8A-4147-A177-3AD203B41FA5}">
                      <a16:colId xmlns:a16="http://schemas.microsoft.com/office/drawing/2014/main" val="20002"/>
                    </a:ext>
                  </a:extLst>
                </a:gridCol>
                <a:gridCol w="696322">
                  <a:extLst>
                    <a:ext uri="{9D8B030D-6E8A-4147-A177-3AD203B41FA5}">
                      <a16:colId xmlns:a16="http://schemas.microsoft.com/office/drawing/2014/main" val="20003"/>
                    </a:ext>
                  </a:extLst>
                </a:gridCol>
                <a:gridCol w="696322">
                  <a:extLst>
                    <a:ext uri="{9D8B030D-6E8A-4147-A177-3AD203B41FA5}">
                      <a16:colId xmlns:a16="http://schemas.microsoft.com/office/drawing/2014/main" val="20004"/>
                    </a:ext>
                  </a:extLst>
                </a:gridCol>
                <a:gridCol w="696322">
                  <a:extLst>
                    <a:ext uri="{9D8B030D-6E8A-4147-A177-3AD203B41FA5}">
                      <a16:colId xmlns:a16="http://schemas.microsoft.com/office/drawing/2014/main" val="20005"/>
                    </a:ext>
                  </a:extLst>
                </a:gridCol>
                <a:gridCol w="696322">
                  <a:extLst>
                    <a:ext uri="{9D8B030D-6E8A-4147-A177-3AD203B41FA5}">
                      <a16:colId xmlns:a16="http://schemas.microsoft.com/office/drawing/2014/main" val="20006"/>
                    </a:ext>
                  </a:extLst>
                </a:gridCol>
                <a:gridCol w="696322">
                  <a:extLst>
                    <a:ext uri="{9D8B030D-6E8A-4147-A177-3AD203B41FA5}">
                      <a16:colId xmlns:a16="http://schemas.microsoft.com/office/drawing/2014/main" val="20007"/>
                    </a:ext>
                  </a:extLst>
                </a:gridCol>
                <a:gridCol w="696322">
                  <a:extLst>
                    <a:ext uri="{9D8B030D-6E8A-4147-A177-3AD203B41FA5}">
                      <a16:colId xmlns:a16="http://schemas.microsoft.com/office/drawing/2014/main" val="20008"/>
                    </a:ext>
                  </a:extLst>
                </a:gridCol>
                <a:gridCol w="696322">
                  <a:extLst>
                    <a:ext uri="{9D8B030D-6E8A-4147-A177-3AD203B41FA5}">
                      <a16:colId xmlns:a16="http://schemas.microsoft.com/office/drawing/2014/main" val="103475841"/>
                    </a:ext>
                  </a:extLst>
                </a:gridCol>
                <a:gridCol w="696322">
                  <a:extLst>
                    <a:ext uri="{9D8B030D-6E8A-4147-A177-3AD203B41FA5}">
                      <a16:colId xmlns:a16="http://schemas.microsoft.com/office/drawing/2014/main" val="2812001124"/>
                    </a:ext>
                  </a:extLst>
                </a:gridCol>
                <a:gridCol w="934844">
                  <a:extLst>
                    <a:ext uri="{9D8B030D-6E8A-4147-A177-3AD203B41FA5}">
                      <a16:colId xmlns:a16="http://schemas.microsoft.com/office/drawing/2014/main" val="20009"/>
                    </a:ext>
                  </a:extLst>
                </a:gridCol>
              </a:tblGrid>
              <a:tr h="516738">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37088">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34</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77</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95</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16</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70</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67</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92</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9</a:t>
                      </a: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78111">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量ベース</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再生可能エネルギー等の導入状況」</a:t>
                      </a:r>
                    </a:p>
                  </a:txBody>
                  <a:tcPr marL="91444" marR="91444" marT="45715" marB="45715" anchor="ctr"/>
                </a:tc>
                <a:extLst>
                  <a:ext uri="{0D108BD9-81ED-4DB2-BD59-A6C34878D82A}">
                    <a16:rowId xmlns:a16="http://schemas.microsoft.com/office/drawing/2014/main" val="10002"/>
                  </a:ext>
                </a:extLst>
              </a:tr>
              <a:tr h="574919">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公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extLst>
                  <a:ext uri="{0D108BD9-81ED-4DB2-BD59-A6C34878D82A}">
                    <a16:rowId xmlns:a16="http://schemas.microsoft.com/office/drawing/2014/main" val="10003"/>
                  </a:ext>
                </a:extLst>
              </a:tr>
              <a:tr h="737088">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extLst>
                  <a:ext uri="{0D108BD9-81ED-4DB2-BD59-A6C34878D82A}">
                    <a16:rowId xmlns:a16="http://schemas.microsoft.com/office/drawing/2014/main" val="10004"/>
                  </a:ext>
                </a:extLst>
              </a:tr>
              <a:tr h="642165">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カバー率</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４月１日現在消防庁</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白書」</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消防防災・震災対策現況調査より）</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9" name="正方形/長方形 8"/>
          <p:cNvSpPr/>
          <p:nvPr/>
        </p:nvSpPr>
        <p:spPr>
          <a:xfrm>
            <a:off x="107504" y="836712"/>
            <a:ext cx="8928992" cy="17281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民間建設・土木工事費（着工ベー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以降の最高値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太陽光発電設備導入状況（発電量ベース）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成長戦略策定時から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産出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民間住宅耐震改修等補助件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主防災組織の活動カバー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戦略策定時から上昇し続け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92280" y="6544505"/>
            <a:ext cx="2133600" cy="365125"/>
          </a:xfrm>
        </p:spPr>
        <p:txBody>
          <a:bodyPr/>
          <a:lstStyle/>
          <a:p>
            <a:pPr>
              <a:defRPr/>
            </a:pPr>
            <a:fld id="{4AC9B83D-17C3-4F2E-B0BA-D155CD364A7C}" type="slidenum">
              <a:rPr lang="ja-JP" altLang="en-US" smtClean="0"/>
              <a:pPr>
                <a:defRPr/>
              </a:pPr>
              <a:t>135</a:t>
            </a:fld>
            <a:endParaRPr lang="ja-JP" altLang="en-US" dirty="0"/>
          </a:p>
        </p:txBody>
      </p:sp>
    </p:spTree>
    <p:extLst>
      <p:ext uri="{BB962C8B-B14F-4D97-AF65-F5344CB8AC3E}">
        <p14:creationId xmlns:p14="http://schemas.microsoft.com/office/powerpoint/2010/main" val="568950647"/>
      </p:ext>
    </p:extLst>
  </p:cSld>
  <p:clrMapOvr>
    <a:masterClrMapping/>
  </p:clrMapOvr>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107651" y="47174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dirty="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総合力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都市総合力ランキングにおける大阪の順位は、世界の主要</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低下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コアも</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p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は横ばい、「経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居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下。</a:t>
            </a:r>
          </a:p>
        </p:txBody>
      </p:sp>
      <p:graphicFrame>
        <p:nvGraphicFramePr>
          <p:cNvPr id="9" name="表 1"/>
          <p:cNvGraphicFramePr>
            <a:graphicFrameLocks noGrp="1"/>
          </p:cNvGraphicFramePr>
          <p:nvPr>
            <p:extLst>
              <p:ext uri="{D42A27DB-BD31-4B8C-83A1-F6EECF244321}">
                <p14:modId xmlns:p14="http://schemas.microsoft.com/office/powerpoint/2010/main" val="2587542243"/>
              </p:ext>
            </p:extLst>
          </p:nvPr>
        </p:nvGraphicFramePr>
        <p:xfrm>
          <a:off x="107502" y="2564906"/>
          <a:ext cx="4896536" cy="4148151"/>
        </p:xfrm>
        <a:graphic>
          <a:graphicData uri="http://schemas.openxmlformats.org/drawingml/2006/table">
            <a:tbl>
              <a:tblPr>
                <a:tableStyleId>{BC89EF96-8CEA-46FF-86C4-4CE0E7609802}</a:tableStyleId>
              </a:tblPr>
              <a:tblGrid>
                <a:gridCol w="477680">
                  <a:extLst>
                    <a:ext uri="{9D8B030D-6E8A-4147-A177-3AD203B41FA5}">
                      <a16:colId xmlns:a16="http://schemas.microsoft.com/office/drawing/2014/main" val="20000"/>
                    </a:ext>
                  </a:extLst>
                </a:gridCol>
                <a:gridCol w="339912">
                  <a:extLst>
                    <a:ext uri="{9D8B030D-6E8A-4147-A177-3AD203B41FA5}">
                      <a16:colId xmlns:a16="http://schemas.microsoft.com/office/drawing/2014/main" val="20001"/>
                    </a:ext>
                  </a:extLst>
                </a:gridCol>
                <a:gridCol w="339912">
                  <a:extLst>
                    <a:ext uri="{9D8B030D-6E8A-4147-A177-3AD203B41FA5}">
                      <a16:colId xmlns:a16="http://schemas.microsoft.com/office/drawing/2014/main" val="20002"/>
                    </a:ext>
                  </a:extLst>
                </a:gridCol>
                <a:gridCol w="339912">
                  <a:extLst>
                    <a:ext uri="{9D8B030D-6E8A-4147-A177-3AD203B41FA5}">
                      <a16:colId xmlns:a16="http://schemas.microsoft.com/office/drawing/2014/main" val="20003"/>
                    </a:ext>
                  </a:extLst>
                </a:gridCol>
                <a:gridCol w="339912">
                  <a:extLst>
                    <a:ext uri="{9D8B030D-6E8A-4147-A177-3AD203B41FA5}">
                      <a16:colId xmlns:a16="http://schemas.microsoft.com/office/drawing/2014/main" val="20004"/>
                    </a:ext>
                  </a:extLst>
                </a:gridCol>
                <a:gridCol w="339912">
                  <a:extLst>
                    <a:ext uri="{9D8B030D-6E8A-4147-A177-3AD203B41FA5}">
                      <a16:colId xmlns:a16="http://schemas.microsoft.com/office/drawing/2014/main" val="20005"/>
                    </a:ext>
                  </a:extLst>
                </a:gridCol>
                <a:gridCol w="339912">
                  <a:extLst>
                    <a:ext uri="{9D8B030D-6E8A-4147-A177-3AD203B41FA5}">
                      <a16:colId xmlns:a16="http://schemas.microsoft.com/office/drawing/2014/main" val="20006"/>
                    </a:ext>
                  </a:extLst>
                </a:gridCol>
                <a:gridCol w="339912">
                  <a:extLst>
                    <a:ext uri="{9D8B030D-6E8A-4147-A177-3AD203B41FA5}">
                      <a16:colId xmlns:a16="http://schemas.microsoft.com/office/drawing/2014/main" val="20007"/>
                    </a:ext>
                  </a:extLst>
                </a:gridCol>
                <a:gridCol w="339912">
                  <a:extLst>
                    <a:ext uri="{9D8B030D-6E8A-4147-A177-3AD203B41FA5}">
                      <a16:colId xmlns:a16="http://schemas.microsoft.com/office/drawing/2014/main" val="20008"/>
                    </a:ext>
                  </a:extLst>
                </a:gridCol>
                <a:gridCol w="339912">
                  <a:extLst>
                    <a:ext uri="{9D8B030D-6E8A-4147-A177-3AD203B41FA5}">
                      <a16:colId xmlns:a16="http://schemas.microsoft.com/office/drawing/2014/main" val="20009"/>
                    </a:ext>
                  </a:extLst>
                </a:gridCol>
                <a:gridCol w="339912">
                  <a:extLst>
                    <a:ext uri="{9D8B030D-6E8A-4147-A177-3AD203B41FA5}">
                      <a16:colId xmlns:a16="http://schemas.microsoft.com/office/drawing/2014/main" val="20010"/>
                    </a:ext>
                  </a:extLst>
                </a:gridCol>
                <a:gridCol w="339912">
                  <a:extLst>
                    <a:ext uri="{9D8B030D-6E8A-4147-A177-3AD203B41FA5}">
                      <a16:colId xmlns:a16="http://schemas.microsoft.com/office/drawing/2014/main" val="1402591857"/>
                    </a:ext>
                  </a:extLst>
                </a:gridCol>
                <a:gridCol w="339912">
                  <a:extLst>
                    <a:ext uri="{9D8B030D-6E8A-4147-A177-3AD203B41FA5}">
                      <a16:colId xmlns:a16="http://schemas.microsoft.com/office/drawing/2014/main" val="3035662355"/>
                    </a:ext>
                  </a:extLst>
                </a:gridCol>
                <a:gridCol w="339912">
                  <a:extLst>
                    <a:ext uri="{9D8B030D-6E8A-4147-A177-3AD203B41FA5}">
                      <a16:colId xmlns:a16="http://schemas.microsoft.com/office/drawing/2014/main" val="3462772145"/>
                    </a:ext>
                  </a:extLst>
                </a:gridCol>
              </a:tblGrid>
              <a:tr h="484918">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05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05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ンドン</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ミラノ</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ボストン</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ウル</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bl>
          </a:graphicData>
        </a:graphic>
      </p:graphicFrame>
      <p:sp>
        <p:nvSpPr>
          <p:cNvPr id="12" name="テキスト ボックス 11"/>
          <p:cNvSpPr txBox="1"/>
          <p:nvPr/>
        </p:nvSpPr>
        <p:spPr>
          <a:xfrm>
            <a:off x="107504" y="219004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の都市総合ランキン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5090" y="6527267"/>
            <a:ext cx="2133600" cy="365125"/>
          </a:xfrm>
        </p:spPr>
        <p:txBody>
          <a:bodyPr/>
          <a:lstStyle/>
          <a:p>
            <a:pPr>
              <a:defRPr/>
            </a:pPr>
            <a:fld id="{4AC9B83D-17C3-4F2E-B0BA-D155CD364A7C}" type="slidenum">
              <a:rPr lang="ja-JP" altLang="en-US" smtClean="0"/>
              <a:pPr>
                <a:defRPr/>
              </a:pPr>
              <a:t>136</a:t>
            </a:fld>
            <a:endParaRPr lang="ja-JP" altLang="en-US" dirty="0"/>
          </a:p>
        </p:txBody>
      </p:sp>
      <p:sp>
        <p:nvSpPr>
          <p:cNvPr id="11" name="テキスト ボックス 10"/>
          <p:cNvSpPr txBox="1"/>
          <p:nvPr/>
        </p:nvSpPr>
        <p:spPr>
          <a:xfrm>
            <a:off x="5004050" y="218511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7"/>
          <p:cNvGraphicFramePr>
            <a:graphicFrameLocks noGrp="1"/>
          </p:cNvGraphicFramePr>
          <p:nvPr>
            <p:extLst>
              <p:ext uri="{D42A27DB-BD31-4B8C-83A1-F6EECF244321}">
                <p14:modId xmlns:p14="http://schemas.microsoft.com/office/powerpoint/2010/main" val="2911605398"/>
              </p:ext>
            </p:extLst>
          </p:nvPr>
        </p:nvGraphicFramePr>
        <p:xfrm>
          <a:off x="5148064" y="2564904"/>
          <a:ext cx="3837241" cy="403245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728192">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441930">
                <a:tc>
                  <a:txBody>
                    <a:bodyPr/>
                    <a:lstStyle/>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ランキング</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スコア</a:t>
                      </a:r>
                      <a:endParaRPr kumimoji="1"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4.0</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24.5</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5pt</a:t>
                      </a:r>
                      <a:r>
                        <a:rPr kumimoji="1"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降）</a:t>
                      </a:r>
                      <a:endParaRPr kumimoji="1"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5</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2.2</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7pt</a:t>
                      </a:r>
                      <a:r>
                        <a:rPr kumimoji="1" lang="ja-JP" altLang="en-US" sz="8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４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３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交流</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４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アクセ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８位</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108036535"/>
      </p:ext>
    </p:extLst>
  </p:cSld>
  <p:clrMapOvr>
    <a:masterClrMapping/>
  </p:clrMapOvr>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 name="テキスト ボックス 119"/>
          <p:cNvSpPr txBox="1"/>
          <p:nvPr/>
        </p:nvSpPr>
        <p:spPr>
          <a:xfrm>
            <a:off x="4427984" y="2132856"/>
            <a:ext cx="4756954"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9" name="表 3"/>
          <p:cNvGraphicFramePr>
            <a:graphicFrameLocks noGrp="1"/>
          </p:cNvGraphicFramePr>
          <p:nvPr>
            <p:extLst>
              <p:ext uri="{D42A27DB-BD31-4B8C-83A1-F6EECF244321}">
                <p14:modId xmlns:p14="http://schemas.microsoft.com/office/powerpoint/2010/main" val="1045867347"/>
              </p:ext>
            </p:extLst>
          </p:nvPr>
        </p:nvGraphicFramePr>
        <p:xfrm>
          <a:off x="179514" y="2840742"/>
          <a:ext cx="4032448" cy="3710636"/>
        </p:xfrm>
        <a:graphic>
          <a:graphicData uri="http://schemas.openxmlformats.org/drawingml/2006/table">
            <a:tbl>
              <a:tblPr/>
              <a:tblGrid>
                <a:gridCol w="2520280">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205713">
                <a:tc>
                  <a:txBody>
                    <a:bodyPr/>
                    <a:lstStyle/>
                    <a:p>
                      <a:pPr algn="ctr" fontAlgn="ctr"/>
                      <a:r>
                        <a:rPr lang="zh-TW" altLang="en-US" sz="1100" b="1" i="0" u="none" strike="noStrike" dirty="0">
                          <a:solidFill>
                            <a:schemeClr val="tx1"/>
                          </a:solidFill>
                          <a:effectLst/>
                          <a:latin typeface="Meiryo UI" panose="020B0604030504040204" pitchFamily="50" charset="-128"/>
                          <a:ea typeface="Meiryo UI" panose="020B0604030504040204" pitchFamily="50" charset="-128"/>
                        </a:rPr>
                        <a:t>民間都市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竣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阪急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グランフロント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あべのハルカス</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43086">
                <a:tc>
                  <a:txBody>
                    <a:bodyPr/>
                    <a:lstStyle/>
                    <a:p>
                      <a:pPr algn="ctr" fontAlgn="ctr"/>
                      <a:r>
                        <a:rPr lang="zh-TW" altLang="en-US" sz="1100" b="0" i="0" u="none" strike="noStrike">
                          <a:solidFill>
                            <a:schemeClr val="tx1"/>
                          </a:solidFill>
                          <a:effectLst/>
                          <a:latin typeface="Meiryo UI" panose="020B0604030504040204" pitchFamily="50" charset="-128"/>
                          <a:ea typeface="Meiryo UI" panose="020B0604030504040204" pitchFamily="50" charset="-128"/>
                        </a:rPr>
                        <a:t>日本生命本店東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ウエス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三菱</a:t>
                      </a:r>
                      <a:r>
                        <a:rPr lang="en-US" altLang="ja-JP" sz="1100" b="0" i="0" u="none" strike="noStrike">
                          <a:solidFill>
                            <a:schemeClr val="tx1"/>
                          </a:solidFill>
                          <a:effectLst/>
                          <a:latin typeface="Meiryo UI" panose="020B0604030504040204" pitchFamily="50" charset="-128"/>
                          <a:ea typeface="Meiryo UI" panose="020B0604030504040204" pitchFamily="50" charset="-128"/>
                        </a:rPr>
                        <a:t>UFJ</a:t>
                      </a:r>
                      <a:r>
                        <a:rPr lang="ja-JP" altLang="en-US" sz="1100" b="0" i="0" u="none" strike="noStrike">
                          <a:solidFill>
                            <a:schemeClr val="tx1"/>
                          </a:solidFill>
                          <a:effectLst/>
                          <a:latin typeface="Meiryo UI" panose="020B0604030504040204" pitchFamily="50" charset="-128"/>
                          <a:ea typeface="Meiryo UI" panose="020B0604030504040204" pitchFamily="50" charset="-128"/>
                        </a:rPr>
                        <a:t>銀行大阪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なんばスカイ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丸心斎橋店本館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ヨドバシ梅田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1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阪神百貨店・新阪急ビル建替え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梅田ツインタワー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2022</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春頃（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43086">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中央郵便局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24.3</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5"/>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日土地淀屋橋ビル・京阪御堂筋ビル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25</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うめきた</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期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4"/>
                  </a:ext>
                </a:extLst>
              </a:tr>
            </a:tbl>
          </a:graphicData>
        </a:graphic>
      </p:graphicFrame>
      <p:sp>
        <p:nvSpPr>
          <p:cNvPr id="12" name="正方形/長方形 10"/>
          <p:cNvSpPr>
            <a:spLocks noChangeArrowheads="1"/>
          </p:cNvSpPr>
          <p:nvPr/>
        </p:nvSpPr>
        <p:spPr bwMode="auto">
          <a:xfrm>
            <a:off x="102164" y="50803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心部の動き</a:t>
            </a:r>
          </a:p>
        </p:txBody>
      </p:sp>
      <p:sp>
        <p:nvSpPr>
          <p:cNvPr id="13" name="正方形/長方形 1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等により、規制緩和・税制優遇等を活用した民間都市開発事業が進展。</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市の地価は、住宅地・商業地ともに上昇しており、オフィス稼働貸室面積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高水準を維持。</a:t>
            </a:r>
          </a:p>
        </p:txBody>
      </p:sp>
      <p:sp>
        <p:nvSpPr>
          <p:cNvPr id="3" name="テキスト ボックス 2"/>
          <p:cNvSpPr txBox="1"/>
          <p:nvPr/>
        </p:nvSpPr>
        <p:spPr>
          <a:xfrm>
            <a:off x="-36512" y="2132856"/>
            <a:ext cx="4554253" cy="707886"/>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地域内における主な民間都市開発事業の進展状況</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内閣府</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等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都市の再生</a:t>
            </a:r>
          </a:p>
        </p:txBody>
      </p:sp>
      <p:pic>
        <p:nvPicPr>
          <p:cNvPr id="5" name="図 4">
            <a:extLst>
              <a:ext uri="{FF2B5EF4-FFF2-40B4-BE49-F238E27FC236}">
                <a16:creationId xmlns:a16="http://schemas.microsoft.com/office/drawing/2014/main" id="{26A1EB16-EC3A-4F29-8E2E-18F2CF1EF6AD}"/>
              </a:ext>
            </a:extLst>
          </p:cNvPr>
          <p:cNvPicPr>
            <a:picLocks noChangeAspect="1"/>
          </p:cNvPicPr>
          <p:nvPr/>
        </p:nvPicPr>
        <p:blipFill>
          <a:blip r:embed="rId3"/>
          <a:stretch>
            <a:fillRect/>
          </a:stretch>
        </p:blipFill>
        <p:spPr>
          <a:xfrm>
            <a:off x="4283968" y="3154336"/>
            <a:ext cx="4815084" cy="2834648"/>
          </a:xfrm>
          <a:prstGeom prst="rect">
            <a:avLst/>
          </a:prstGeom>
          <a:ln>
            <a:noFill/>
          </a:ln>
        </p:spPr>
      </p:pic>
      <p:sp>
        <p:nvSpPr>
          <p:cNvPr id="16" name="スライド番号プレースホルダー 1"/>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137</a:t>
            </a:fld>
            <a:endParaRPr lang="ja-JP" altLang="en-US" b="1" dirty="0"/>
          </a:p>
        </p:txBody>
      </p:sp>
    </p:spTree>
    <p:extLst>
      <p:ext uri="{BB962C8B-B14F-4D97-AF65-F5344CB8AC3E}">
        <p14:creationId xmlns:p14="http://schemas.microsoft.com/office/powerpoint/2010/main" val="3316632806"/>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4787990" y="2580214"/>
            <a:ext cx="3888465"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p>
        </p:txBody>
      </p:sp>
      <p:sp>
        <p:nvSpPr>
          <p:cNvPr id="16" name="正方形/長方形 15"/>
          <p:cNvSpPr/>
          <p:nvPr/>
        </p:nvSpPr>
        <p:spPr>
          <a:xfrm>
            <a:off x="38227" y="2585243"/>
            <a:ext cx="443143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17" name="正方形/長方形 16"/>
          <p:cNvSpPr/>
          <p:nvPr/>
        </p:nvSpPr>
        <p:spPr>
          <a:xfrm>
            <a:off x="35496" y="4777407"/>
            <a:ext cx="4285561"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a:t>
            </a:r>
          </a:p>
        </p:txBody>
      </p:sp>
      <p:sp>
        <p:nvSpPr>
          <p:cNvPr id="123" name="正方形/長方形 122"/>
          <p:cNvSpPr/>
          <p:nvPr/>
        </p:nvSpPr>
        <p:spPr>
          <a:xfrm>
            <a:off x="4848783" y="5013176"/>
            <a:ext cx="4271422" cy="201593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その他大学・研究機関等</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市立大学　大阪大学工学研究科オープンイノベーションオフィス</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慶應義塾大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事業構想大学院大学</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市（大阪イノベーションハブ（</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 Innovation Hub</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統括本部（</a:t>
            </a:r>
            <a:r>
              <a:rPr lang="en-US" altLang="zh-TW" sz="1000" dirty="0">
                <a:latin typeface="Meiryo UI" panose="020B0604030504040204" pitchFamily="50" charset="-128"/>
                <a:ea typeface="Meiryo UI" panose="020B0604030504040204" pitchFamily="50" charset="-128"/>
                <a:cs typeface="Meiryo UI" panose="020B0604030504040204" pitchFamily="50" charset="-128"/>
              </a:rPr>
              <a:t>INPI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KANSA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zh-TW" altLang="en-US"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国立</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研究開発法人情報通信研究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新エネルギー・産業技術総合開発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日本医療研究開発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正方形/長方形 10"/>
          <p:cNvSpPr>
            <a:spLocks noChangeArrowheads="1"/>
          </p:cNvSpPr>
          <p:nvPr/>
        </p:nvSpPr>
        <p:spPr bwMode="auto">
          <a:xfrm>
            <a:off x="107504" y="47292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地域</a:t>
            </a:r>
          </a:p>
        </p:txBody>
      </p:sp>
      <p:sp>
        <p:nvSpPr>
          <p:cNvPr id="169" name="正方形/長方形 168"/>
          <p:cNvSpPr/>
          <p:nvPr/>
        </p:nvSpPr>
        <p:spPr>
          <a:xfrm>
            <a:off x="107504" y="910516"/>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７周年を迎え、来場者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を突破。</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拠点「ナレッジキャピタル」も会員制サロンの総会員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知的交流拠点として定着。</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など、医療関連産業のビジネス基盤が整い、企業や研究機関、大学の関連施設など「知の集積」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nvPr>
        </p:nvGraphicFramePr>
        <p:xfrm>
          <a:off x="179511" y="5138492"/>
          <a:ext cx="4608479" cy="1386852"/>
        </p:xfrm>
        <a:graphic>
          <a:graphicData uri="http://schemas.openxmlformats.org/drawingml/2006/table">
            <a:tbl>
              <a:tblPr>
                <a:tableStyleId>{616DA210-FB5B-4158-B5E0-FEB733F419BA}</a:tableStyleId>
              </a:tblPr>
              <a:tblGrid>
                <a:gridCol w="1812420">
                  <a:extLst>
                    <a:ext uri="{9D8B030D-6E8A-4147-A177-3AD203B41FA5}">
                      <a16:colId xmlns:a16="http://schemas.microsoft.com/office/drawing/2014/main" val="20000"/>
                    </a:ext>
                  </a:extLst>
                </a:gridCol>
                <a:gridCol w="2796059">
                  <a:extLst>
                    <a:ext uri="{9D8B030D-6E8A-4147-A177-3AD203B41FA5}">
                      <a16:colId xmlns:a16="http://schemas.microsoft.com/office/drawing/2014/main" val="20001"/>
                    </a:ext>
                  </a:extLst>
                </a:gridCol>
              </a:tblGrid>
              <a:tr h="346713">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46713">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0</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累計）</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46713">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0</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時点）</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346713">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ヵ国</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3457091723"/>
              </p:ext>
            </p:extLst>
          </p:nvPr>
        </p:nvGraphicFramePr>
        <p:xfrm>
          <a:off x="4900269" y="2887991"/>
          <a:ext cx="4031981" cy="2179400"/>
        </p:xfrm>
        <a:graphic>
          <a:graphicData uri="http://schemas.openxmlformats.org/drawingml/2006/table">
            <a:tbl>
              <a:tblPr>
                <a:tableStyleId>{616DA210-FB5B-4158-B5E0-FEB733F419BA}</a:tableStyleId>
              </a:tblPr>
              <a:tblGrid>
                <a:gridCol w="4031981">
                  <a:extLst>
                    <a:ext uri="{9D8B030D-6E8A-4147-A177-3AD203B41FA5}">
                      <a16:colId xmlns:a16="http://schemas.microsoft.com/office/drawing/2014/main" val="20000"/>
                    </a:ext>
                  </a:extLst>
                </a:gridCol>
              </a:tblGrid>
              <a:tr h="217940">
                <a:tc>
                  <a:txBody>
                    <a:bodyPr/>
                    <a:lstStyle/>
                    <a:p>
                      <a:pPr algn="ctr" fontAlgn="ctr"/>
                      <a:r>
                        <a:rPr lang="ja-JP" altLang="en-US" sz="12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940">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217940">
                <a:tc>
                  <a:txBody>
                    <a:bodyPr/>
                    <a:lstStyle/>
                    <a:p>
                      <a:pPr algn="l" fontAlgn="ctr"/>
                      <a:r>
                        <a:rPr lang="zh-TW"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zh-TW"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MED</a:t>
                      </a:r>
                      <a:r>
                        <a:rPr lang="zh-TW"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薬戦略部西日本統括部</a:t>
                      </a:r>
                      <a:endParaRPr lang="zh-TW"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940">
                <a:tc>
                  <a:txBody>
                    <a:bodyPr/>
                    <a:lstStyle/>
                    <a:p>
                      <a:pPr algn="l" fontAlgn="ctr"/>
                      <a:r>
                        <a:rPr lang="ja-JP"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立大学健康科学イノベーションセンター</a:t>
                      </a:r>
                      <a:endPar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3"/>
                  </a:ext>
                </a:extLst>
              </a:tr>
              <a:tr h="217940">
                <a:tc>
                  <a:txBody>
                    <a:bodyPr/>
                    <a:lstStyle/>
                    <a:p>
                      <a:pPr algn="l" fontAlgn="ctr"/>
                      <a:r>
                        <a:rPr lang="ja-JP" altLang="en-US" sz="12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4"/>
                  </a:ext>
                </a:extLst>
              </a:tr>
              <a:tr h="21794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天製薬　本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5"/>
                  </a:ext>
                </a:extLst>
              </a:tr>
              <a:tr h="217940">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ベーリンガーインゲルハイム　関西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9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217940">
                <a:tc>
                  <a:txBody>
                    <a:bodyPr/>
                    <a:lstStyle/>
                    <a:p>
                      <a:pPr algn="l" fontAlgn="ctr"/>
                      <a:r>
                        <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r h="217940">
                <a:tc>
                  <a:txBody>
                    <a:bodyPr/>
                    <a:lstStyle/>
                    <a:p>
                      <a:pPr algn="l"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ORAC</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ランフロント大阪クリニック</a:t>
                      </a:r>
                    </a:p>
                  </a:txBody>
                  <a:tcPr marL="9525" marR="9525" marT="9525" marB="0"/>
                </a:tc>
                <a:extLst>
                  <a:ext uri="{0D108BD9-81ED-4DB2-BD59-A6C34878D82A}">
                    <a16:rowId xmlns:a16="http://schemas.microsoft.com/office/drawing/2014/main" val="1173402607"/>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５．都市の再生</a:t>
            </a: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nvPr>
        </p:nvGraphicFramePr>
        <p:xfrm>
          <a:off x="179512" y="2887991"/>
          <a:ext cx="4608478" cy="1759029"/>
        </p:xfrm>
        <a:graphic>
          <a:graphicData uri="http://schemas.openxmlformats.org/drawingml/2006/table">
            <a:tbl>
              <a:tblPr>
                <a:tableStyleId>{616DA210-FB5B-4158-B5E0-FEB733F419BA}</a:tableStyleId>
              </a:tblPr>
              <a:tblGrid>
                <a:gridCol w="1780207">
                  <a:extLst>
                    <a:ext uri="{9D8B030D-6E8A-4147-A177-3AD203B41FA5}">
                      <a16:colId xmlns:a16="http://schemas.microsoft.com/office/drawing/2014/main" val="20000"/>
                    </a:ext>
                  </a:extLst>
                </a:gridCol>
                <a:gridCol w="2828271">
                  <a:extLst>
                    <a:ext uri="{9D8B030D-6E8A-4147-A177-3AD203B41FA5}">
                      <a16:colId xmlns:a16="http://schemas.microsoft.com/office/drawing/2014/main" val="20001"/>
                    </a:ext>
                  </a:extLst>
                </a:gridCol>
              </a:tblGrid>
              <a:tr h="235704">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32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30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930</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万人</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5</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ja-JP"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3</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35704">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36</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4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35704">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58</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65</a:t>
                      </a:r>
                      <a:r>
                        <a:rPr lang="zh-TW"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0" name="スライド番号プレースホルダー 1"/>
          <p:cNvSpPr txBox="1">
            <a:spLocks/>
          </p:cNvSpPr>
          <p:nvPr/>
        </p:nvSpPr>
        <p:spPr>
          <a:xfrm>
            <a:off x="7010400" y="6525344"/>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38</a:t>
            </a:fld>
            <a:endParaRPr lang="ja-JP" altLang="en-US" dirty="0"/>
          </a:p>
        </p:txBody>
      </p:sp>
    </p:spTree>
    <p:extLst>
      <p:ext uri="{BB962C8B-B14F-4D97-AF65-F5344CB8AC3E}">
        <p14:creationId xmlns:p14="http://schemas.microsoft.com/office/powerpoint/2010/main" val="372422226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836712"/>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534726"/>
            <a:ext cx="8784976"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改善傾向がみられるもの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3</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566269362"/>
              </p:ext>
            </p:extLst>
          </p:nvPr>
        </p:nvGraphicFramePr>
        <p:xfrm>
          <a:off x="173827" y="2253094"/>
          <a:ext cx="7948236" cy="4558570"/>
        </p:xfrm>
        <a:graphic>
          <a:graphicData uri="http://schemas.openxmlformats.org/drawingml/2006/chart">
            <c:chart xmlns:c="http://schemas.openxmlformats.org/drawingml/2006/chart" xmlns:r="http://schemas.openxmlformats.org/officeDocument/2006/relationships" r:id="rId3"/>
          </a:graphicData>
        </a:graphic>
      </p:graphicFrame>
      <p:sp>
        <p:nvSpPr>
          <p:cNvPr id="16" name="四角形吹き出し 15"/>
          <p:cNvSpPr/>
          <p:nvPr/>
        </p:nvSpPr>
        <p:spPr>
          <a:xfrm>
            <a:off x="6691627" y="2964726"/>
            <a:ext cx="1848971" cy="481851"/>
          </a:xfrm>
          <a:prstGeom prst="wedgeRectCallout">
            <a:avLst>
              <a:gd name="adj1" fmla="val -105280"/>
              <a:gd name="adj2" fmla="val 32460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ysClr val="windowText" lastClr="000000"/>
                </a:solidFill>
              </a:rPr>
              <a:t>＜</a:t>
            </a:r>
            <a:r>
              <a:rPr kumimoji="1" lang="ja-JP" altLang="en-US" sz="1100" dirty="0">
                <a:solidFill>
                  <a:sysClr val="windowText" lastClr="000000"/>
                </a:solidFill>
              </a:rPr>
              <a:t>大阪府＞完全失業率</a:t>
            </a:r>
            <a:endParaRPr kumimoji="1" lang="en-US" altLang="ja-JP" sz="1100" dirty="0">
              <a:solidFill>
                <a:sysClr val="windowText" lastClr="000000"/>
              </a:solidFill>
            </a:endParaRPr>
          </a:p>
          <a:p>
            <a:pPr algn="ctr"/>
            <a:r>
              <a:rPr kumimoji="1" lang="en-US" altLang="ja-JP" sz="1100" dirty="0">
                <a:solidFill>
                  <a:sysClr val="windowText" lastClr="000000"/>
                </a:solidFill>
              </a:rPr>
              <a:t>2019</a:t>
            </a:r>
            <a:r>
              <a:rPr kumimoji="1" lang="ja-JP" altLang="en-US" sz="1100" dirty="0">
                <a:solidFill>
                  <a:sysClr val="windowText" lastClr="000000"/>
                </a:solidFill>
              </a:rPr>
              <a:t>年</a:t>
            </a:r>
            <a:r>
              <a:rPr kumimoji="1" lang="en-US" altLang="ja-JP" sz="1100" dirty="0">
                <a:solidFill>
                  <a:sysClr val="windowText" lastClr="000000"/>
                </a:solidFill>
              </a:rPr>
              <a:t>2.9%</a:t>
            </a:r>
            <a:r>
              <a:rPr kumimoji="1" lang="ja-JP" altLang="en-US" sz="1100" dirty="0">
                <a:solidFill>
                  <a:sysClr val="windowText" lastClr="000000"/>
                </a:solidFill>
              </a:rPr>
              <a:t>（年平均）</a:t>
            </a:r>
            <a:endParaRPr kumimoji="1" lang="ja-JP" altLang="en-US" sz="1100" dirty="0"/>
          </a:p>
        </p:txBody>
      </p:sp>
      <p:sp>
        <p:nvSpPr>
          <p:cNvPr id="18" name="四角形吹き出し 17"/>
          <p:cNvSpPr/>
          <p:nvPr/>
        </p:nvSpPr>
        <p:spPr>
          <a:xfrm>
            <a:off x="6835776" y="4053677"/>
            <a:ext cx="1842250" cy="463920"/>
          </a:xfrm>
          <a:prstGeom prst="wedgeRectCallout">
            <a:avLst>
              <a:gd name="adj1" fmla="val -112334"/>
              <a:gd name="adj2" fmla="val 15853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dirty="0" smtClean="0">
                <a:solidFill>
                  <a:sysClr val="windowText" lastClr="000000"/>
                </a:solidFill>
              </a:rPr>
              <a:t>＜</a:t>
            </a:r>
            <a:r>
              <a:rPr kumimoji="1" lang="ja-JP" altLang="en-US" sz="1100" dirty="0">
                <a:solidFill>
                  <a:sysClr val="windowText" lastClr="000000"/>
                </a:solidFill>
              </a:rPr>
              <a:t>全国＞完全失業率</a:t>
            </a:r>
            <a:endParaRPr kumimoji="1" lang="en-US" altLang="ja-JP" sz="1100" dirty="0">
              <a:solidFill>
                <a:sysClr val="windowText" lastClr="000000"/>
              </a:solidFill>
            </a:endParaRPr>
          </a:p>
          <a:p>
            <a:pPr algn="ctr"/>
            <a:r>
              <a:rPr kumimoji="1" lang="en-US" altLang="ja-JP" sz="1100" dirty="0">
                <a:solidFill>
                  <a:sysClr val="windowText" lastClr="000000"/>
                </a:solidFill>
              </a:rPr>
              <a:t>2019</a:t>
            </a:r>
            <a:r>
              <a:rPr kumimoji="1" lang="ja-JP" altLang="en-US" sz="1100" dirty="0">
                <a:solidFill>
                  <a:sysClr val="windowText" lastClr="000000"/>
                </a:solidFill>
              </a:rPr>
              <a:t>年</a:t>
            </a:r>
            <a:r>
              <a:rPr kumimoji="1" lang="en-US" altLang="ja-JP" sz="1100" dirty="0">
                <a:solidFill>
                  <a:sysClr val="windowText" lastClr="000000"/>
                </a:solidFill>
              </a:rPr>
              <a:t>2.4%</a:t>
            </a:r>
            <a:r>
              <a:rPr kumimoji="1" lang="ja-JP" altLang="en-US" sz="1100" dirty="0">
                <a:solidFill>
                  <a:sysClr val="windowText" lastClr="000000"/>
                </a:solidFill>
              </a:rPr>
              <a:t>（年平均）</a:t>
            </a:r>
            <a:endParaRPr kumimoji="1" lang="ja-JP" altLang="en-US" sz="1100" dirty="0"/>
          </a:p>
        </p:txBody>
      </p:sp>
      <p:sp>
        <p:nvSpPr>
          <p:cNvPr id="19" name="右中かっこ 18"/>
          <p:cNvSpPr/>
          <p:nvPr/>
        </p:nvSpPr>
        <p:spPr>
          <a:xfrm>
            <a:off x="7526840" y="5102295"/>
            <a:ext cx="178546" cy="1251751"/>
          </a:xfrm>
          <a:prstGeom prst="rightBrace">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lgn="l"/>
            <a:endParaRPr kumimoji="1" lang="ja-JP" altLang="en-US" sz="1100"/>
          </a:p>
        </p:txBody>
      </p:sp>
      <p:sp>
        <p:nvSpPr>
          <p:cNvPr id="20" name="テキスト ボックス 3"/>
          <p:cNvSpPr txBox="1"/>
          <p:nvPr/>
        </p:nvSpPr>
        <p:spPr>
          <a:xfrm>
            <a:off x="7733547" y="5602748"/>
            <a:ext cx="666498" cy="250843"/>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horz" wrap="none" rtlCol="0" anchor="t">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1100" dirty="0"/>
              <a:t>大阪府</a:t>
            </a:r>
          </a:p>
        </p:txBody>
      </p:sp>
    </p:spTree>
    <p:extLst>
      <p:ext uri="{BB962C8B-B14F-4D97-AF65-F5344CB8AC3E}">
        <p14:creationId xmlns:p14="http://schemas.microsoft.com/office/powerpoint/2010/main" val="4065854443"/>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20032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 ナレッジキャピタル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製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サービスにつながるプロジェク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出・推進支援を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製品開発（ハッカソン）、ビジネスマッチング等の各種イベントを通じて人々を集積、交流さ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ベンチャー支援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ドアクセラレーションプログラ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03588" y="507451"/>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3651527798"/>
              </p:ext>
            </p:extLst>
          </p:nvPr>
        </p:nvGraphicFramePr>
        <p:xfrm>
          <a:off x="107504" y="3078419"/>
          <a:ext cx="4464497" cy="3414445"/>
        </p:xfrm>
        <a:graphic>
          <a:graphicData uri="http://schemas.openxmlformats.org/drawingml/2006/table">
            <a:tbl>
              <a:tblPr>
                <a:tableStyleId>{616DA210-FB5B-4158-B5E0-FEB733F419BA}</a:tableStyleId>
              </a:tblPr>
              <a:tblGrid>
                <a:gridCol w="1296143">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創出支援事業 </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0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創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件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ack </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saka</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毎年度</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外国人　</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イノベーション会議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Hack</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31.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732240" y="5618961"/>
            <a:ext cx="2520280" cy="861774"/>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Morning Meet Up</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0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投資家が参加しやすい早朝に起業家のピッチ（事業プレゼン）を行う取組みに毎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が参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円/楕円 2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7020272" y="4184048"/>
            <a:ext cx="1910339" cy="1189168"/>
          </a:xfrm>
          <a:prstGeom prst="rect">
            <a:avLst/>
          </a:prstGeom>
        </p:spPr>
      </p:pic>
      <p:sp>
        <p:nvSpPr>
          <p:cNvPr id="31" name="スライド番号プレースホルダー 4"/>
          <p:cNvSpPr txBox="1">
            <a:spLocks/>
          </p:cNvSpPr>
          <p:nvPr/>
        </p:nvSpPr>
        <p:spPr>
          <a:xfrm>
            <a:off x="7030276" y="6510068"/>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39</a:t>
            </a:fld>
            <a:endParaRPr lang="ja-JP" altLang="en-US" dirty="0"/>
          </a:p>
        </p:txBody>
      </p:sp>
    </p:spTree>
    <p:extLst>
      <p:ext uri="{BB962C8B-B14F-4D97-AF65-F5344CB8AC3E}">
        <p14:creationId xmlns:p14="http://schemas.microsoft.com/office/powerpoint/2010/main" val="883802322"/>
      </p:ext>
    </p:extLst>
  </p:cSld>
  <p:clrMapOvr>
    <a:masterClrMapping/>
  </p:clrMapOvr>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6109848"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 name="グループ化 1"/>
          <p:cNvGrpSpPr/>
          <p:nvPr/>
        </p:nvGrpSpPr>
        <p:grpSpPr>
          <a:xfrm>
            <a:off x="5145188" y="3060298"/>
            <a:ext cx="3998812" cy="3724319"/>
            <a:chOff x="5076056" y="2996952"/>
            <a:chExt cx="4176464" cy="3836398"/>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760734" y="3483057"/>
                <a:ext cx="987730" cy="5349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smtClean="0">
                    <a:solidFill>
                      <a:srgbClr val="000000"/>
                    </a:solidFill>
                  </a:rPr>
                  <a:t>阪急</a:t>
                </a:r>
                <a:r>
                  <a:rPr lang="ja-JP" altLang="en-US" sz="800" dirty="0"/>
                  <a:t>大阪</a:t>
                </a:r>
                <a:endParaRPr lang="en-US" altLang="ja-JP" sz="800" dirty="0"/>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期区域面積 約</a:t>
              </a:r>
              <a:r>
                <a:rPr lang="en-US"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　約</a:t>
              </a:r>
              <a:r>
                <a:rPr lang="en-US" altLang="ja-JP"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2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線</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線</a:t>
              </a:r>
              <a:endPar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eaLnBrk="1" hangingPunct="1">
                <a:spcBef>
                  <a:spcPct val="0"/>
                </a:spcBef>
                <a:buFontTx/>
                <a:buNone/>
              </a:pPr>
              <a:r>
                <a:rPr lang="en-US"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下化及び新駅</a:t>
              </a:r>
              <a:endParaRPr lang="ja-JP"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63332" y="471835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2" name="Picture 2"/>
            <p:cNvPicPr>
              <a:picLocks noChangeAspect="1" noChangeArrowheads="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6234730"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51" name="正方形/長方形 10"/>
          <p:cNvSpPr>
            <a:spLocks noChangeArrowheads="1"/>
          </p:cNvSpPr>
          <p:nvPr/>
        </p:nvSpPr>
        <p:spPr bwMode="auto">
          <a:xfrm>
            <a:off x="89757" y="49059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区域の開発</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07504" y="949391"/>
            <a:ext cx="8928992" cy="19493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は、「みどり」を中心とした、世界に強く印象づける「大阪の顔」となる都市空間の実現などをめざ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まちづくりの基本的な考え方をまとめた「うめきた２期区域まちづくりの方針」を決定した。このまちづくりの実現に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構により開発事業者が決定され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引き続き進め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開発事業者の提案内容について関係者と協議、調整を行い、国際競争力を高め、世界の都市をリードするまちづくりを実現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円/楕円 3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フリーフォーム 38"/>
          <p:cNvSpPr/>
          <p:nvPr/>
        </p:nvSpPr>
        <p:spPr>
          <a:xfrm>
            <a:off x="5616242" y="3883041"/>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pic>
        <p:nvPicPr>
          <p:cNvPr id="4" name="図 3"/>
          <p:cNvPicPr>
            <a:picLocks noChangeAspect="1"/>
          </p:cNvPicPr>
          <p:nvPr/>
        </p:nvPicPr>
        <p:blipFill rotWithShape="1">
          <a:blip r:embed="rId8"/>
          <a:srcRect t="684" r="1951" b="1"/>
          <a:stretch/>
        </p:blipFill>
        <p:spPr>
          <a:xfrm>
            <a:off x="101110" y="3055551"/>
            <a:ext cx="4979621" cy="3305493"/>
          </a:xfrm>
          <a:prstGeom prst="rect">
            <a:avLst/>
          </a:prstGeom>
        </p:spPr>
      </p:pic>
      <p:sp>
        <p:nvSpPr>
          <p:cNvPr id="57" name="スライド番号プレースホルダー 4"/>
          <p:cNvSpPr txBox="1">
            <a:spLocks/>
          </p:cNvSpPr>
          <p:nvPr/>
        </p:nvSpPr>
        <p:spPr>
          <a:xfrm>
            <a:off x="6986605" y="6482612"/>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40</a:t>
            </a:fld>
            <a:endParaRPr lang="ja-JP" altLang="en-US" dirty="0"/>
          </a:p>
        </p:txBody>
      </p:sp>
    </p:spTree>
    <p:extLst>
      <p:ext uri="{BB962C8B-B14F-4D97-AF65-F5344CB8AC3E}">
        <p14:creationId xmlns:p14="http://schemas.microsoft.com/office/powerpoint/2010/main" val="2285488382"/>
      </p:ext>
    </p:extLst>
  </p:cSld>
  <p:clrMapOvr>
    <a:masterClrMapping/>
  </p:clrMapOvr>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8" name="正方形/長方形 14"/>
          <p:cNvSpPr>
            <a:spLocks noChangeArrowheads="1"/>
          </p:cNvSpPr>
          <p:nvPr/>
        </p:nvSpPr>
        <p:spPr bwMode="auto">
          <a:xfrm>
            <a:off x="51264" y="3035809"/>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動物園　入園者数の</a:t>
            </a:r>
            <a:r>
              <a:rPr lang="ja-JP" altLang="en-US" sz="1400" dirty="0" smtClean="0">
                <a:latin typeface="Meiryo UI" pitchFamily="50" charset="-128"/>
                <a:ea typeface="Meiryo UI" pitchFamily="50" charset="-128"/>
                <a:cs typeface="Meiryo UI" pitchFamily="50" charset="-128"/>
              </a:rPr>
              <a:t>推移</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出典：大阪市</a:t>
            </a:r>
            <a:r>
              <a:rPr lang="en-US" altLang="ja-JP" sz="1000" dirty="0" smtClean="0">
                <a:latin typeface="Meiryo UI" pitchFamily="50" charset="-128"/>
                <a:ea typeface="Meiryo UI" pitchFamily="50" charset="-128"/>
                <a:cs typeface="Meiryo UI" pitchFamily="50" charset="-128"/>
              </a:rPr>
              <a:t>HP</a:t>
            </a:r>
            <a:r>
              <a:rPr lang="ja-JP" altLang="en-US" sz="1000" dirty="0" smtClean="0">
                <a:latin typeface="Meiryo UI" pitchFamily="50" charset="-128"/>
                <a:ea typeface="Meiryo UI" pitchFamily="50" charset="-128"/>
                <a:cs typeface="Meiryo UI" pitchFamily="50" charset="-128"/>
              </a:rPr>
              <a:t>より作成</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50306" y="3038068"/>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795941" y="3334506"/>
            <a:ext cx="4221630" cy="1642692"/>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78106" y="3933056"/>
            <a:ext cx="1543085" cy="898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4288" y="3716839"/>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graphicFrame>
        <p:nvGraphicFramePr>
          <p:cNvPr id="95280" name="表 95279"/>
          <p:cNvGraphicFramePr>
            <a:graphicFrameLocks noGrp="1"/>
          </p:cNvGraphicFramePr>
          <p:nvPr>
            <p:extLst>
              <p:ext uri="{D42A27DB-BD31-4B8C-83A1-F6EECF244321}">
                <p14:modId xmlns:p14="http://schemas.microsoft.com/office/powerpoint/2010/main" val="280100014"/>
              </p:ext>
            </p:extLst>
          </p:nvPr>
        </p:nvGraphicFramePr>
        <p:xfrm>
          <a:off x="4785939" y="5306295"/>
          <a:ext cx="4221629" cy="1363065"/>
        </p:xfrm>
        <a:graphic>
          <a:graphicData uri="http://schemas.openxmlformats.org/drawingml/2006/table">
            <a:tbl>
              <a:tblPr/>
              <a:tblGrid>
                <a:gridCol w="794173">
                  <a:extLst>
                    <a:ext uri="{9D8B030D-6E8A-4147-A177-3AD203B41FA5}">
                      <a16:colId xmlns:a16="http://schemas.microsoft.com/office/drawing/2014/main" val="20000"/>
                    </a:ext>
                  </a:extLst>
                </a:gridCol>
                <a:gridCol w="1555255">
                  <a:extLst>
                    <a:ext uri="{9D8B030D-6E8A-4147-A177-3AD203B41FA5}">
                      <a16:colId xmlns:a16="http://schemas.microsoft.com/office/drawing/2014/main" val="20001"/>
                    </a:ext>
                  </a:extLst>
                </a:gridCol>
                <a:gridCol w="1872201">
                  <a:extLst>
                    <a:ext uri="{9D8B030D-6E8A-4147-A177-3AD203B41FA5}">
                      <a16:colId xmlns:a16="http://schemas.microsoft.com/office/drawing/2014/main" val="20002"/>
                    </a:ext>
                  </a:extLst>
                </a:gridCol>
              </a:tblGrid>
              <a:tr h="185280">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extLst>
                  <a:ext uri="{0D108BD9-81ED-4DB2-BD59-A6C34878D82A}">
                    <a16:rowId xmlns:a16="http://schemas.microsoft.com/office/drawing/2014/main" val="10000"/>
                  </a:ext>
                </a:extLst>
              </a:tr>
              <a:tr h="176858">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来館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延べ</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約</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億</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4,771</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20</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en-US" altLang="zh-TW" sz="1000" b="0" i="0" u="none" strike="noStrike" dirty="0">
                          <a:solidFill>
                            <a:schemeClr val="tx1"/>
                          </a:solidFill>
                          <a:effectLst/>
                          <a:latin typeface="Meiryo UI" panose="020B0604030504040204" pitchFamily="50" charset="-128"/>
                          <a:ea typeface="Meiryo UI" panose="020B0604030504040204" pitchFamily="50" charset="-128"/>
                        </a:rPr>
                        <a:t>3</a:t>
                      </a: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10001"/>
                  </a:ext>
                </a:extLst>
              </a:tr>
              <a:tr h="256008">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1</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4,27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2</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3,924</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881</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endParaRPr lang="en-US" altLang="zh-TW" sz="900" b="0" i="0" u="none" strike="noStrike" dirty="0" smtClean="0">
                        <a:solidFill>
                          <a:schemeClr val="tx1"/>
                        </a:solidFill>
                        <a:effectLst/>
                        <a:latin typeface="Meiryo UI" panose="020B0604030504040204" pitchFamily="50" charset="-128"/>
                        <a:ea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3</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5</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6</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endParaRPr lang="zh-TW" altLang="en-US" sz="9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2"/>
                  </a:ext>
                </a:extLst>
              </a:tr>
              <a:tr h="176858">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5</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54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8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4"/>
                  </a:ext>
                </a:extLst>
              </a:tr>
              <a:tr h="176858">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8：2,3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5"/>
                  </a:ext>
                </a:extLst>
              </a:tr>
              <a:tr h="185280">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R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4,01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6"/>
                  </a:ext>
                </a:extLst>
              </a:tr>
            </a:tbl>
          </a:graphicData>
        </a:graphic>
      </p:graphicFrame>
      <p:sp>
        <p:nvSpPr>
          <p:cNvPr id="12" name="正方形/長方形 14"/>
          <p:cNvSpPr>
            <a:spLocks noChangeArrowheads="1"/>
          </p:cNvSpPr>
          <p:nvPr/>
        </p:nvSpPr>
        <p:spPr bwMode="auto">
          <a:xfrm>
            <a:off x="4573041" y="49822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07504" y="4099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4"/>
            <a:ext cx="9144000" cy="432269"/>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764704"/>
            <a:ext cx="8928992" cy="22860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オープン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来館者数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到達し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新たな民間活力の導入等に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芝生広場を有する「てんしば」がオープン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入園者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突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てんしばゲートエリアにおい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ー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するなど、公園の魅力向上とともに、エリア全体の回遊性及び集客力の向上に取り組んでいる。</a:t>
            </a:r>
            <a:endParaRPr lang="ja-JP" altLang="en-US" sz="1600"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大幅に増加した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コロナウイルスの影響により減少。</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3641010305"/>
              </p:ext>
            </p:extLst>
          </p:nvPr>
        </p:nvGraphicFramePr>
        <p:xfrm>
          <a:off x="170142" y="3770146"/>
          <a:ext cx="4419417" cy="2743200"/>
        </p:xfrm>
        <a:graphic>
          <a:graphicData uri="http://schemas.openxmlformats.org/drawingml/2006/chart">
            <c:chart xmlns:c="http://schemas.openxmlformats.org/drawingml/2006/chart" xmlns:r="http://schemas.openxmlformats.org/officeDocument/2006/relationships" r:id="rId4"/>
          </a:graphicData>
        </a:graphic>
      </p:graphicFrame>
      <p:sp>
        <p:nvSpPr>
          <p:cNvPr id="22" name="テキスト ボックス 2"/>
          <p:cNvSpPr txBox="1"/>
          <p:nvPr/>
        </p:nvSpPr>
        <p:spPr>
          <a:xfrm>
            <a:off x="155374" y="362998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sp>
        <p:nvSpPr>
          <p:cNvPr id="24" name="スライド番号プレースホルダー 2"/>
          <p:cNvSpPr txBox="1">
            <a:spLocks/>
          </p:cNvSpPr>
          <p:nvPr/>
        </p:nvSpPr>
        <p:spPr>
          <a:xfrm>
            <a:off x="7056635" y="6645876"/>
            <a:ext cx="2133600" cy="280789"/>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41</a:t>
            </a:fld>
            <a:endParaRPr lang="ja-JP" altLang="en-US" dirty="0"/>
          </a:p>
        </p:txBody>
      </p:sp>
    </p:spTree>
    <p:extLst>
      <p:ext uri="{BB962C8B-B14F-4D97-AF65-F5344CB8AC3E}">
        <p14:creationId xmlns:p14="http://schemas.microsoft.com/office/powerpoint/2010/main" val="845113371"/>
      </p:ext>
    </p:extLst>
  </p:cSld>
  <p:clrMapOvr>
    <a:masterClrMapping/>
  </p:clrMapOvr>
  <p:timing>
    <p:tnLst>
      <p:par>
        <p:cTn id="1" dur="indefinite" restart="never" nodeType="tmRoot"/>
      </p:par>
    </p:tn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4"/>
          <p:cNvPicPr>
            <a:picLocks noChangeAspect="1" noChangeArrowheads="1"/>
          </p:cNvPicPr>
          <p:nvPr/>
        </p:nvPicPr>
        <p:blipFill>
          <a:blip r:embed="rId3" cstate="email"/>
          <a:srcRect/>
          <a:stretch>
            <a:fillRect/>
          </a:stretch>
        </p:blipFill>
        <p:spPr bwMode="auto">
          <a:xfrm>
            <a:off x="3749447" y="4869160"/>
            <a:ext cx="2139238" cy="1656184"/>
          </a:xfrm>
          <a:prstGeom prst="rect">
            <a:avLst/>
          </a:prstGeom>
          <a:noFill/>
          <a:ln w="9525">
            <a:noFill/>
            <a:miter lim="800000"/>
            <a:headEnd/>
            <a:tailEnd/>
          </a:ln>
        </p:spPr>
      </p:pic>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86074"/>
            <a:ext cx="2549017" cy="1883286"/>
          </a:xfrm>
          <a:prstGeom prst="rect">
            <a:avLst/>
          </a:prstGeom>
          <a:noFill/>
        </p:spPr>
      </p:pic>
      <p:grpSp>
        <p:nvGrpSpPr>
          <p:cNvPr id="28" name="グループ化 27"/>
          <p:cNvGrpSpPr/>
          <p:nvPr/>
        </p:nvGrpSpPr>
        <p:grpSpPr>
          <a:xfrm>
            <a:off x="6238323" y="4897769"/>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15" name="正方形/長方形 10"/>
          <p:cNvSpPr>
            <a:spLocks noChangeArrowheads="1"/>
          </p:cNvSpPr>
          <p:nvPr/>
        </p:nvSpPr>
        <p:spPr bwMode="auto">
          <a:xfrm>
            <a:off x="107505" y="56421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咲洲・夢洲における民間事業者と協働するエネルギー関連の取組み</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25252" y="1124745"/>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では、再生可能エネルギーの発電や大型蓄電システムの実証・評価を可能とす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491880"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リユース蓄電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142</a:t>
            </a:fld>
            <a:endParaRPr lang="ja-JP" altLang="en-US" b="1" dirty="0"/>
          </a:p>
        </p:txBody>
      </p:sp>
      <p:graphicFrame>
        <p:nvGraphicFramePr>
          <p:cNvPr id="18" name="表 17"/>
          <p:cNvGraphicFramePr>
            <a:graphicFrameLocks noGrp="1"/>
          </p:cNvGraphicFramePr>
          <p:nvPr>
            <p:extLst/>
          </p:nvPr>
        </p:nvGraphicFramePr>
        <p:xfrm>
          <a:off x="179512" y="1903208"/>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進捗状況など</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75934">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の中古蓄電池を活用した経済性の高い大型蓄電池システム実証事業</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安定化を検証。この技術をもとに蓄電池を活用した新たなエネルギーマネージメントシステム確立に向けて実証事業を継続中。</a:t>
                      </a:r>
                    </a:p>
                  </a:txBody>
                  <a:tcPr anchor="ctr"/>
                </a:tc>
                <a:extLst>
                  <a:ext uri="{0D108BD9-81ED-4DB2-BD59-A6C34878D82A}">
                    <a16:rowId xmlns:a16="http://schemas.microsoft.com/office/drawing/2014/main" val="10002"/>
                  </a:ext>
                </a:extLst>
              </a:tr>
              <a:tr h="785611">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1048219830"/>
      </p:ext>
    </p:extLst>
  </p:cSld>
  <p:clrMapOvr>
    <a:masterClrMapping/>
  </p:clrMapOvr>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291036"/>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正方形/長方形 12"/>
          <p:cNvSpPr/>
          <p:nvPr/>
        </p:nvSpPr>
        <p:spPr>
          <a:xfrm>
            <a:off x="132114" y="2998693"/>
            <a:ext cx="3923960" cy="307777"/>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95536"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西日本</a:t>
            </a:r>
            <a:endPar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6,046</a:t>
            </a: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GDP243</a:t>
            </a:r>
            <a:r>
              <a:rPr kumimoji="1" lang="ja-JP" altLang="en-US" sz="1100" b="1"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兆円</a:t>
            </a:r>
            <a:endParaRPr kumimoji="1" lang="ja-JP" altLang="en-US" sz="1100" b="1"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12" name="テキスト ボックス 11"/>
          <p:cNvSpPr txBox="1"/>
          <p:nvPr/>
        </p:nvSpPr>
        <p:spPr>
          <a:xfrm>
            <a:off x="2699792" y="4341004"/>
            <a:ext cx="1584176" cy="60016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東日本</a:t>
            </a:r>
            <a:endPar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人口</a:t>
            </a:r>
            <a:r>
              <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6,625</a:t>
            </a: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万人</a:t>
            </a:r>
            <a:endPar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実質</a:t>
            </a:r>
            <a:r>
              <a:rPr kumimoji="1" lang="en-US" altLang="ja-JP"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GDP303</a:t>
            </a:r>
            <a:r>
              <a:rPr kumimoji="1" lang="ja-JP" altLang="en-US" sz="1100" b="0" i="0" u="none" strike="noStrike" kern="1200" cap="none" spc="0" normalizeH="0" baseline="0" noProof="0" dirty="0" smtClean="0">
                <a:ln>
                  <a:noFill/>
                </a:ln>
                <a:effectLst/>
                <a:uLnTx/>
                <a:uFillTx/>
                <a:latin typeface="HGPｺﾞｼｯｸM" panose="020B0600000000000000" pitchFamily="50" charset="-128"/>
                <a:ea typeface="HGPｺﾞｼｯｸM" panose="020B0600000000000000" pitchFamily="50" charset="-128"/>
                <a:cs typeface="+mn-cs"/>
              </a:rPr>
              <a:t>兆円</a:t>
            </a:r>
            <a:endParaRPr kumimoji="1" lang="ja-JP" altLang="en-US" sz="11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20" name="正方形/長方形 19"/>
          <p:cNvSpPr>
            <a:spLocks noChangeArrowheads="1"/>
          </p:cNvSpPr>
          <p:nvPr/>
        </p:nvSpPr>
        <p:spPr bwMode="auto">
          <a:xfrm>
            <a:off x="4427984" y="3473713"/>
            <a:ext cx="4464496" cy="1528624"/>
          </a:xfrm>
          <a:prstGeom prst="rect">
            <a:avLst/>
          </a:prstGeom>
          <a:solidFill>
            <a:schemeClr val="tx2">
              <a:lumMod val="20000"/>
              <a:lumOff val="80000"/>
            </a:schemeClr>
          </a:solidFill>
          <a:ln w="9525" algn="ctr">
            <a:solidFill>
              <a:srgbClr val="000000"/>
            </a:solidFill>
            <a:miter lim="800000"/>
            <a:headEnd/>
            <a:tailEnd/>
          </a:ln>
          <a:effectLst/>
          <a:extLst/>
        </p:spPr>
        <p:txBody>
          <a:bodyPr wrap="square" upright="1">
            <a:spAutoFit/>
          </a:bodyPr>
          <a:lstStyle/>
          <a:p>
            <a:pPr marL="114300" marR="0" lvl="0" indent="-114300" algn="l" defTabSz="914400" rtl="0" eaLnBrk="1" fontAlgn="auto" latinLnBrk="0" hangingPunct="1">
              <a:lnSpc>
                <a:spcPts val="1600"/>
              </a:lnSpc>
              <a:spcBef>
                <a:spcPts val="0"/>
              </a:spcBef>
              <a:spcAft>
                <a:spcPts val="0"/>
              </a:spcAft>
              <a:buClrTx/>
              <a:buSzTx/>
              <a:buFontTx/>
              <a:buNone/>
              <a:tabLst/>
              <a:defRPr/>
            </a:pPr>
            <a:r>
              <a:rPr kumimoji="1" lang="ja-JP" altLang="en-US" sz="13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r>
              <a:rPr kumimoji="1" lang="ja-JP" altLang="en-US" sz="13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規模</a:t>
            </a:r>
            <a:r>
              <a:rPr kumimoji="1" lang="ja-JP" altLang="en-US" sz="13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kumimoji="1" lang="en-US" altLang="ja-JP" sz="13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485274"/>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出典：内閣府「県民経済計算」</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H29</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統計局「人口推計（Ｈ</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9</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10</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a:t>
            </a:r>
            <a:r>
              <a:rPr kumimoji="1" lang="en-US" altLang="ja-JP"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1</a:t>
            </a:r>
            <a:r>
              <a:rPr kumimoji="1" lang="ja-JP" altLang="en-US" sz="10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日付）」より作成</a:t>
            </a:r>
            <a:endPar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6" name="正方形/長方形 10"/>
          <p:cNvSpPr>
            <a:spLocks noChangeArrowheads="1"/>
          </p:cNvSpPr>
          <p:nvPr/>
        </p:nvSpPr>
        <p:spPr bwMode="auto">
          <a:xfrm>
            <a:off x="125252" y="433312"/>
            <a:ext cx="901874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ja-JP" sz="1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l" defTabSz="912813" rtl="0" eaLnBrk="1" fontAlgn="base" latinLnBrk="0" hangingPunct="1">
              <a:lnSpc>
                <a:spcPct val="100000"/>
              </a:lnSpc>
              <a:spcBef>
                <a:spcPct val="0"/>
              </a:spcBef>
              <a:spcAft>
                <a:spcPct val="0"/>
              </a:spcAft>
              <a:buClr>
                <a:srgbClr val="000000"/>
              </a:buClr>
              <a:buSzPct val="100000"/>
              <a:buFontTx/>
              <a:buNone/>
              <a:tabLst/>
              <a:defRPr/>
            </a:pPr>
            <a:r>
              <a:rPr kumimoji="0" lang="ja-JP" altLang="en-US" sz="20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4AC9B83D-17C3-4F2E-B0BA-D155CD364A7C}" type="slidenum">
              <a:rPr kumimoji="1" lang="ja-JP" altLang="en-US" sz="1800" b="1"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43</a:t>
            </a:fld>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15" name="正方形/長方形 14"/>
          <p:cNvSpPr>
            <a:spLocks noChangeArrowheads="1"/>
          </p:cNvSpPr>
          <p:nvPr/>
        </p:nvSpPr>
        <p:spPr bwMode="auto">
          <a:xfrm>
            <a:off x="4283968" y="5157192"/>
            <a:ext cx="4334992" cy="1538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企業における機能分散・バックアップに関する取組みの例</a:t>
            </a:r>
            <a:endParaRPr kumimoji="1" lang="en-US" altLang="ja-JP" sz="14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IG</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ジャパンホールディングス</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が第二の拠点</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大阪</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新設</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本取引所グループ</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が首都圏・関東圏でのバックアップ態勢を見直し、大阪</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拠点を活用</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したバックアップ</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態勢を</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整備</a:t>
            </a:r>
            <a:endParaRPr kumimoji="1" lang="en-US" altLang="ja-JP"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5725" marR="0" lvl="0" indent="-85725" algn="l" defTabSz="914400" rtl="0" eaLnBrk="0" fontAlgn="auto" latinLnBrk="0" hangingPunct="0">
              <a:lnSpc>
                <a:spcPct val="100000"/>
              </a:lnSpc>
              <a:spcBef>
                <a:spcPts val="600"/>
              </a:spcBef>
              <a:spcAft>
                <a:spcPts val="0"/>
              </a:spcAft>
              <a:buClrTx/>
              <a:buSzTx/>
              <a:buFont typeface="Arial"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本放送</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協会が本部</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バックアップを担う</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とを大阪</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放送局の業務の</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部とし、平時</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業務に訓練</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組み込み　　等</a:t>
            </a:r>
            <a:endPar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219334" y="2998693"/>
            <a:ext cx="49611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政府の今後の検討課題　</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出典：</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内閣府「政府業務継続計画（</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首都</a:t>
            </a:r>
            <a:endParaRPr kumimoji="1" lang="en-US" altLang="ja-JP"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ct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直下</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地震対策</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4</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a:t>
            </a:r>
            <a:r>
              <a:rPr kumimoji="1" lang="en-US" altLang="ja-JP"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3</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月）」から抜粋）</a:t>
            </a:r>
            <a:endPar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2" name="正方形/長方形 21"/>
          <p:cNvSpPr/>
          <p:nvPr/>
        </p:nvSpPr>
        <p:spPr>
          <a:xfrm>
            <a:off x="125252" y="818613"/>
            <a:ext cx="8892000"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家の危機管理の観点</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から、首都圏</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で大災害が発生した場合などを想定し、集中型から双眼型へと国土構造の転換を促進していくことが重要</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以外で最も機能が集積する大阪・関西を、首都機能バックアップエリアとすることが求められる。</a:t>
            </a: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一方、政府では、東京</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圏外の代替</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拠点を今後</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検討課題</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とされているものの、具体化は進んでいない。</a:t>
            </a:r>
            <a:endPar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85750" marR="0" lvl="0" indent="-285750" algn="just" defTabSz="914400" rtl="0" eaLnBrk="1" fontAlgn="auto" latinLnBrk="0" hangingPunct="1">
              <a:lnSpc>
                <a:spcPts val="2000"/>
              </a:lnSpc>
              <a:spcBef>
                <a:spcPts val="0"/>
              </a:spcBef>
              <a:spcAft>
                <a:spcPts val="0"/>
              </a:spcAft>
              <a:buClrTx/>
              <a:buSzTx/>
              <a:buFont typeface="Wingdings" panose="05000000000000000000" pitchFamily="2" charset="2"/>
              <a:buChar char="p"/>
              <a:tabLst/>
              <a:defRPr/>
            </a:pP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市では、</a:t>
            </a:r>
            <a:r>
              <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に「大阪・関西による首都</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機能バックアップ</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実現</a:t>
            </a:r>
            <a:r>
              <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向けた取組みの</a:t>
            </a:r>
            <a:r>
              <a:rPr kumimoji="1" lang="ja-JP" altLang="en-US" sz="16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方向性」をとりまとめ、行政分野・経済分野について取組みを進める。</a:t>
            </a:r>
            <a:endParaRPr kumimoji="1" lang="ja-JP" altLang="en-US" sz="1600" b="0" i="0" u="none"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3347850"/>
      </p:ext>
    </p:extLst>
  </p:cSld>
  <p:clrMapOvr>
    <a:masterClrMapping/>
  </p:clrMapOvr>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89757" y="43602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51216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被害軽減を図るた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地震防災アクションプラン」に基づき、防潮堤の液状化対策や密集市街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など、ハード・ソフト両面から取組みを進め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結果、津波による人的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に、経済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に被害軽減効果があらわれる見込み。</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4</a:t>
            </a:fld>
            <a:endParaRPr lang="ja-JP" altLang="en-US" dirty="0"/>
          </a:p>
        </p:txBody>
      </p:sp>
      <p:pic>
        <p:nvPicPr>
          <p:cNvPr id="9" name="図 8"/>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tretch>
            <a:fillRect/>
          </a:stretch>
        </p:blipFill>
        <p:spPr>
          <a:xfrm>
            <a:off x="35496" y="3007196"/>
            <a:ext cx="4457700" cy="3086100"/>
          </a:xfrm>
          <a:prstGeom prst="rect">
            <a:avLst/>
          </a:prstGeom>
        </p:spPr>
      </p:pic>
      <p:pic>
        <p:nvPicPr>
          <p:cNvPr id="10" name="図 9"/>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tretch>
            <a:fillRect/>
          </a:stretch>
        </p:blipFill>
        <p:spPr>
          <a:xfrm>
            <a:off x="4650804" y="3007196"/>
            <a:ext cx="4457700" cy="3086100"/>
          </a:xfrm>
          <a:prstGeom prst="rect">
            <a:avLst/>
          </a:prstGeom>
        </p:spPr>
      </p:pic>
      <p:sp>
        <p:nvSpPr>
          <p:cNvPr id="8" name="テキスト ボックス 7"/>
          <p:cNvSpPr txBox="1"/>
          <p:nvPr/>
        </p:nvSpPr>
        <p:spPr>
          <a:xfrm>
            <a:off x="6372200" y="6149066"/>
            <a:ext cx="2291012" cy="276999"/>
          </a:xfrm>
          <a:prstGeom prst="rect">
            <a:avLst/>
          </a:prstGeom>
          <a:noFill/>
        </p:spPr>
        <p:txBody>
          <a:bodyPr wrap="none" rtlCol="0" anchor="ctr" anchorCtr="0">
            <a:spAutoFit/>
          </a:bodyPr>
          <a:lstStyle/>
          <a:p>
            <a:r>
              <a:rPr lang="ja-JP" altLang="en-US" sz="1200" dirty="0" smtClean="0"/>
              <a:t>（</a:t>
            </a:r>
            <a:r>
              <a:rPr lang="en-US" altLang="ja-JP" sz="1200" dirty="0" smtClean="0"/>
              <a:t>H30.7</a:t>
            </a:r>
            <a:r>
              <a:rPr lang="ja-JP" altLang="en-US" sz="1200" dirty="0" smtClean="0"/>
              <a:t>　知事記者会見資料より）</a:t>
            </a:r>
            <a:endParaRPr kumimoji="1" lang="ja-JP" altLang="en-US" sz="1200" dirty="0"/>
          </a:p>
        </p:txBody>
      </p:sp>
    </p:spTree>
    <p:extLst>
      <p:ext uri="{BB962C8B-B14F-4D97-AF65-F5344CB8AC3E}">
        <p14:creationId xmlns:p14="http://schemas.microsoft.com/office/powerpoint/2010/main" val="2456719030"/>
      </p:ext>
    </p:extLst>
  </p:cSld>
  <p:clrMapOvr>
    <a:masterClrMapping/>
  </p:clrMapOvr>
  <p:timing>
    <p:tnLst>
      <p:par>
        <p:cTn id="1" dur="indefinite" restart="never" nodeType="tmRoot"/>
      </p:par>
    </p:tnLst>
  </p:timing>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05748" y="459739"/>
            <a:ext cx="5079950"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内建築物の耐震化率</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152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築物（民間住宅及び多数の者が利用する建築物（民間））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のそれぞれの耐震化率が増加傾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建築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耐震化率が大き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a:spLocks noChangeArrowheads="1"/>
          </p:cNvSpPr>
          <p:nvPr/>
        </p:nvSpPr>
        <p:spPr bwMode="auto">
          <a:xfrm>
            <a:off x="3149513" y="534997"/>
            <a:ext cx="6336704"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耐震改修促進計画審</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議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資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05748" y="2538821"/>
            <a:ext cx="39239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建築物と府有建築物の耐震化率の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643656" y="2540686"/>
            <a:ext cx="46210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多数の者が利用する建築物</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間</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耐震化率</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表 22">
            <a:extLst>
              <a:ext uri="{FF2B5EF4-FFF2-40B4-BE49-F238E27FC236}">
                <a16:creationId xmlns:a16="http://schemas.microsoft.com/office/drawing/2014/main" id="{4BD3A53A-8196-472E-8CCD-47CE238004EB}"/>
              </a:ext>
            </a:extLst>
          </p:cNvPr>
          <p:cNvGraphicFramePr>
            <a:graphicFrameLocks noGrp="1"/>
          </p:cNvGraphicFramePr>
          <p:nvPr>
            <p:extLst>
              <p:ext uri="{D42A27DB-BD31-4B8C-83A1-F6EECF244321}">
                <p14:modId xmlns:p14="http://schemas.microsoft.com/office/powerpoint/2010/main" val="3946651247"/>
              </p:ext>
            </p:extLst>
          </p:nvPr>
        </p:nvGraphicFramePr>
        <p:xfrm>
          <a:off x="4801623" y="3068960"/>
          <a:ext cx="4158652" cy="2812604"/>
        </p:xfrm>
        <a:graphic>
          <a:graphicData uri="http://schemas.openxmlformats.org/drawingml/2006/table">
            <a:tbl>
              <a:tblPr>
                <a:tableStyleId>{5C22544A-7EE6-4342-B048-85BDC9FD1C3A}</a:tableStyleId>
              </a:tblPr>
              <a:tblGrid>
                <a:gridCol w="1782160">
                  <a:extLst>
                    <a:ext uri="{9D8B030D-6E8A-4147-A177-3AD203B41FA5}">
                      <a16:colId xmlns:a16="http://schemas.microsoft.com/office/drawing/2014/main" val="20000"/>
                    </a:ext>
                  </a:extLst>
                </a:gridCol>
                <a:gridCol w="648072">
                  <a:extLst>
                    <a:ext uri="{9D8B030D-6E8A-4147-A177-3AD203B41FA5}">
                      <a16:colId xmlns:a16="http://schemas.microsoft.com/office/drawing/2014/main" val="3612198261"/>
                    </a:ext>
                  </a:extLst>
                </a:gridCol>
                <a:gridCol w="619586">
                  <a:extLst>
                    <a:ext uri="{9D8B030D-6E8A-4147-A177-3AD203B41FA5}">
                      <a16:colId xmlns:a16="http://schemas.microsoft.com/office/drawing/2014/main" val="3516600045"/>
                    </a:ext>
                  </a:extLst>
                </a:gridCol>
                <a:gridCol w="554417">
                  <a:extLst>
                    <a:ext uri="{9D8B030D-6E8A-4147-A177-3AD203B41FA5}">
                      <a16:colId xmlns:a16="http://schemas.microsoft.com/office/drawing/2014/main" val="952024986"/>
                    </a:ext>
                  </a:extLst>
                </a:gridCol>
                <a:gridCol w="554417">
                  <a:extLst>
                    <a:ext uri="{9D8B030D-6E8A-4147-A177-3AD203B41FA5}">
                      <a16:colId xmlns:a16="http://schemas.microsoft.com/office/drawing/2014/main" val="2238256268"/>
                    </a:ext>
                  </a:extLst>
                </a:gridCol>
              </a:tblGrid>
              <a:tr h="305498">
                <a:tc>
                  <a:txBody>
                    <a:bodyPr/>
                    <a:lstStyle/>
                    <a:p>
                      <a:pPr algn="ctr" fontAlgn="ctr"/>
                      <a:r>
                        <a:rPr lang="ja-JP" altLang="en-US" sz="9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建築物の機能</a:t>
                      </a:r>
                      <a:endParaRPr lang="ja-JP" altLang="en-US"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T w="1905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solidFill>
                      <a:srgbClr val="1F497D"/>
                    </a:solidFill>
                  </a:tcPr>
                </a:tc>
                <a:tc>
                  <a:txBody>
                    <a:bodyPr/>
                    <a:lstStyle/>
                    <a:p>
                      <a:pPr algn="ctr" fontAlgn="ctr"/>
                      <a:r>
                        <a:rPr lang="en-US" altLang="ja-JP"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R2</a:t>
                      </a:r>
                    </a:p>
                    <a:p>
                      <a:pPr algn="ctr" fontAlgn="ctr"/>
                      <a:r>
                        <a:rPr lang="ja-JP" altLang="en-US"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耐震化率</a:t>
                      </a:r>
                    </a:p>
                  </a:txBody>
                  <a:tcPr marL="71998" marR="71998" marT="0" marB="0" anchor="ctr">
                    <a:lnR w="12700" cap="flat" cmpd="sng" algn="ctr">
                      <a:solidFill>
                        <a:schemeClr val="bg1"/>
                      </a:solidFill>
                      <a:prstDash val="solid"/>
                      <a:round/>
                      <a:headEnd type="none" w="med" len="med"/>
                      <a:tailEnd type="none" w="med" len="med"/>
                    </a:lnR>
                    <a:lnT w="1905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solidFill>
                      <a:srgbClr val="1F497D"/>
                    </a:solidFill>
                  </a:tcPr>
                </a:tc>
                <a:tc>
                  <a:txBody>
                    <a:bodyPr/>
                    <a:lstStyle/>
                    <a:p>
                      <a:pPr algn="ctr" fontAlgn="ctr"/>
                      <a:r>
                        <a:rPr lang="ja-JP" altLang="en-US"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総棟数</a:t>
                      </a:r>
                    </a:p>
                  </a:txBody>
                  <a:tcPr marL="71998" marR="71998" marT="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905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solidFill>
                      <a:srgbClr val="1F497D"/>
                    </a:solidFill>
                  </a:tcPr>
                </a:tc>
                <a:tc>
                  <a:txBody>
                    <a:bodyPr/>
                    <a:lstStyle/>
                    <a:p>
                      <a:pPr algn="ctr" fontAlgn="ctr"/>
                      <a:r>
                        <a:rPr lang="ja-JP" altLang="en-US"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耐震性あり</a:t>
                      </a:r>
                    </a:p>
                  </a:txBody>
                  <a:tcPr marL="71998" marR="71998" marT="0"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905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solidFill>
                      <a:srgbClr val="1F497D"/>
                    </a:solidFill>
                  </a:tcPr>
                </a:tc>
                <a:tc>
                  <a:txBody>
                    <a:bodyPr/>
                    <a:lstStyle/>
                    <a:p>
                      <a:pPr algn="ctr" fontAlgn="ctr"/>
                      <a:r>
                        <a:rPr lang="ja-JP" altLang="en-US" sz="9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耐震性なし</a:t>
                      </a:r>
                    </a:p>
                  </a:txBody>
                  <a:tcPr marL="71998" marR="71998" marT="0" marB="0" anchor="ctr">
                    <a:lnL w="12700" cap="flat" cmpd="sng" algn="ctr">
                      <a:solidFill>
                        <a:schemeClr val="bg1"/>
                      </a:solidFill>
                      <a:prstDash val="solid"/>
                      <a:round/>
                      <a:headEnd type="none" w="med" len="med"/>
                      <a:tailEnd type="none" w="med" len="med"/>
                    </a:lnL>
                    <a:lnR w="19050" cap="flat" cmpd="sng" algn="ctr">
                      <a:solidFill>
                        <a:srgbClr val="1F497D"/>
                      </a:solidFill>
                      <a:prstDash val="solid"/>
                      <a:round/>
                      <a:headEnd type="none" w="med" len="med"/>
                      <a:tailEnd type="none" w="med" len="med"/>
                    </a:lnR>
                    <a:lnT w="1905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solidFill>
                      <a:srgbClr val="1F497D"/>
                    </a:solidFill>
                  </a:tcPr>
                </a:tc>
                <a:extLst>
                  <a:ext uri="{0D108BD9-81ED-4DB2-BD59-A6C34878D82A}">
                    <a16:rowId xmlns:a16="http://schemas.microsoft.com/office/drawing/2014/main" val="10000"/>
                  </a:ext>
                </a:extLst>
              </a:tr>
              <a:tr h="763746">
                <a:tc>
                  <a:txBody>
                    <a:bodyPr/>
                    <a:lstStyle/>
                    <a:p>
                      <a:pPr algn="l"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避難に配慮を要する方が利用</a:t>
                      </a:r>
                      <a:r>
                        <a:rPr lang="ja-JP" altLang="en-US" sz="9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する建築物</a:t>
                      </a: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等　　</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学校、病院、診療所、幼稚園</a:t>
                      </a:r>
                      <a:r>
                        <a:rPr lang="ja-JP" altLang="en-US" sz="9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保育所、老人ホーム、ホテル等）</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R w="1270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7</a:t>
                      </a:r>
                      <a:r>
                        <a:rPr lang="ja-JP" altLang="en-US"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270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5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3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0</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extLst>
                  <a:ext uri="{0D108BD9-81ED-4DB2-BD59-A6C34878D82A}">
                    <a16:rowId xmlns:a16="http://schemas.microsoft.com/office/drawing/2014/main" val="10001"/>
                  </a:ext>
                </a:extLst>
              </a:tr>
              <a:tr h="435840">
                <a:tc>
                  <a:txBody>
                    <a:bodyPr/>
                    <a:lstStyle/>
                    <a:p>
                      <a:pPr algn="l"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不特定多数が利用する建築物　　</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zh-TW"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物販店舗、飲食店、映画館等）</a:t>
                      </a:r>
                      <a:endParaRPr lang="zh-TW"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R w="1270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3</a:t>
                      </a:r>
                      <a:r>
                        <a:rPr lang="ja-JP" altLang="en-US"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270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4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9</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8</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extLst>
                  <a:ext uri="{0D108BD9-81ED-4DB2-BD59-A6C34878D82A}">
                    <a16:rowId xmlns:a16="http://schemas.microsoft.com/office/drawing/2014/main" val="10002"/>
                  </a:ext>
                </a:extLst>
              </a:tr>
              <a:tr h="435840">
                <a:tc>
                  <a:txBody>
                    <a:bodyPr/>
                    <a:lstStyle/>
                    <a:p>
                      <a:pPr algn="l"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特定多数が利用する建築物　　</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zh-TW"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共同住宅、事務所、工場等）</a:t>
                      </a:r>
                      <a:endParaRPr lang="zh-TW"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R w="1270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6</a:t>
                      </a:r>
                      <a:r>
                        <a:rPr lang="ja-JP" altLang="en-US"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270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35</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18</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2700" cap="flat" cmpd="sng" algn="ctr">
                      <a:solidFill>
                        <a:srgbClr val="1F497D"/>
                      </a:solidFill>
                      <a:prstDash val="solid"/>
                      <a:round/>
                      <a:headEnd type="none" w="med" len="med"/>
                      <a:tailEnd type="none" w="med" len="med"/>
                    </a:lnB>
                  </a:tcPr>
                </a:tc>
                <a:extLst>
                  <a:ext uri="{0D108BD9-81ED-4DB2-BD59-A6C34878D82A}">
                    <a16:rowId xmlns:a16="http://schemas.microsoft.com/office/drawing/2014/main" val="10003"/>
                  </a:ext>
                </a:extLst>
              </a:tr>
              <a:tr h="435840">
                <a:tc>
                  <a:txBody>
                    <a:bodyPr/>
                    <a:lstStyle/>
                    <a:p>
                      <a:pPr algn="l"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複合建築物等）　</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R w="1270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9050" cap="flat" cmpd="sng" algn="ctr">
                      <a:solidFill>
                        <a:srgbClr val="1F497D"/>
                      </a:solidFill>
                      <a:prstDash val="sysDash"/>
                      <a:round/>
                      <a:headEnd type="none" w="med" len="med"/>
                      <a:tailEnd type="none" w="med" len="med"/>
                    </a:lnB>
                  </a:tcPr>
                </a:tc>
                <a:tc>
                  <a:txBody>
                    <a:bodyPr/>
                    <a:lstStyle/>
                    <a:p>
                      <a:pPr algn="ct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0</a:t>
                      </a:r>
                      <a:r>
                        <a:rPr lang="ja-JP" altLang="en-US"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270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9050" cap="flat" cmpd="sng" algn="ctr">
                      <a:solidFill>
                        <a:srgbClr val="1F497D"/>
                      </a:solidFill>
                      <a:prstDash val="sysDash"/>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30</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9050" cap="flat" cmpd="sng" algn="ctr">
                      <a:solidFill>
                        <a:srgbClr val="1F497D"/>
                      </a:solidFill>
                      <a:prstDash val="sysDash"/>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53</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9050" cap="flat" cmpd="sng" algn="ctr">
                      <a:solidFill>
                        <a:srgbClr val="1F497D"/>
                      </a:solidFill>
                      <a:prstDash val="sysDash"/>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2700" cap="flat" cmpd="sng" algn="ctr">
                      <a:solidFill>
                        <a:srgbClr val="1F497D"/>
                      </a:solidFill>
                      <a:prstDash val="solid"/>
                      <a:round/>
                      <a:headEnd type="none" w="med" len="med"/>
                      <a:tailEnd type="none" w="med" len="med"/>
                    </a:lnT>
                    <a:lnB w="19050" cap="flat" cmpd="sng" algn="ctr">
                      <a:solidFill>
                        <a:srgbClr val="1F497D"/>
                      </a:solidFill>
                      <a:prstDash val="sysDash"/>
                      <a:round/>
                      <a:headEnd type="none" w="med" len="med"/>
                      <a:tailEnd type="none" w="med" len="med"/>
                    </a:lnB>
                  </a:tcPr>
                </a:tc>
                <a:extLst>
                  <a:ext uri="{0D108BD9-81ED-4DB2-BD59-A6C34878D82A}">
                    <a16:rowId xmlns:a16="http://schemas.microsoft.com/office/drawing/2014/main" val="10004"/>
                  </a:ext>
                </a:extLst>
              </a:tr>
              <a:tr h="435840">
                <a:tc>
                  <a:txBody>
                    <a:bodyPr/>
                    <a:lstStyle/>
                    <a:p>
                      <a:pPr algn="ctr" fontAlgn="ctr"/>
                      <a:r>
                        <a:rPr lang="ja-JP" altLang="en-US" sz="900" u="none" strike="noStrike" dirty="0">
                          <a:effectLst/>
                          <a:latin typeface="Meiryo UI" panose="020B0604030504040204" pitchFamily="50" charset="-128"/>
                          <a:ea typeface="Meiryo UI" panose="020B0604030504040204" pitchFamily="50" charset="-128"/>
                          <a:cs typeface="Meiryo UI" panose="020B0604030504040204" pitchFamily="50" charset="-128"/>
                        </a:rPr>
                        <a:t>合計</a:t>
                      </a:r>
                      <a:endParaRPr lang="ja-JP" altLang="en-US" sz="9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9050" cap="flat" cmpd="sng" algn="ctr">
                      <a:solidFill>
                        <a:srgbClr val="1F497D"/>
                      </a:solidFill>
                      <a:prstDash val="solid"/>
                      <a:round/>
                      <a:headEnd type="none" w="med" len="med"/>
                      <a:tailEnd type="none" w="med" len="med"/>
                    </a:lnL>
                    <a:lnR w="12700" cap="flat" cmpd="sng" algn="ctr">
                      <a:solidFill>
                        <a:srgbClr val="1F497D"/>
                      </a:solidFill>
                      <a:prstDash val="solid"/>
                      <a:round/>
                      <a:headEnd type="none" w="med" len="med"/>
                      <a:tailEnd type="none" w="med" len="med"/>
                    </a:lnR>
                    <a:lnT w="19050" cap="flat" cmpd="sng" algn="ctr">
                      <a:solidFill>
                        <a:srgbClr val="1F497D"/>
                      </a:solidFill>
                      <a:prstDash val="sysDash"/>
                      <a:round/>
                      <a:headEnd type="none" w="med" len="med"/>
                      <a:tailEnd type="none" w="med" len="med"/>
                    </a:lnT>
                    <a:lnB w="19050" cap="flat" cmpd="sng" algn="ctr">
                      <a:solidFill>
                        <a:srgbClr val="1F497D"/>
                      </a:solidFill>
                      <a:prstDash val="solid"/>
                      <a:round/>
                      <a:headEnd type="none" w="med" len="med"/>
                      <a:tailEnd type="none" w="med" len="med"/>
                    </a:lnB>
                  </a:tcPr>
                </a:tc>
                <a:tc>
                  <a:txBody>
                    <a:bodyPr/>
                    <a:lstStyle/>
                    <a:p>
                      <a:pPr algn="ctr" fontAlgn="ctr"/>
                      <a:r>
                        <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9</a:t>
                      </a:r>
                      <a:r>
                        <a:rPr lang="ja-JP" altLang="en-US"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1998" marR="71998" marT="0" marB="0" anchor="ctr">
                    <a:lnL w="1270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9050" cap="flat" cmpd="sng" algn="ctr">
                      <a:solidFill>
                        <a:srgbClr val="1F497D"/>
                      </a:solidFill>
                      <a:prstDash val="sysDash"/>
                      <a:round/>
                      <a:headEnd type="none" w="med" len="med"/>
                      <a:tailEnd type="none" w="med" len="med"/>
                    </a:lnT>
                    <a:lnB w="1905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069</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9050" cap="flat" cmpd="sng" algn="ctr">
                      <a:solidFill>
                        <a:srgbClr val="1F497D"/>
                      </a:solidFill>
                      <a:prstDash val="sysDash"/>
                      <a:round/>
                      <a:headEnd type="none" w="med" len="med"/>
                      <a:tailEnd type="none" w="med" len="med"/>
                    </a:lnT>
                    <a:lnB w="1905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37</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9050" cap="flat" cmpd="sng" algn="ctr">
                      <a:solidFill>
                        <a:srgbClr val="1F497D"/>
                      </a:solidFill>
                      <a:prstDash val="sysDash"/>
                      <a:round/>
                      <a:headEnd type="none" w="med" len="med"/>
                      <a:tailEnd type="none" w="med" len="med"/>
                    </a:lnT>
                    <a:lnB w="19050" cap="flat" cmpd="sng" algn="ctr">
                      <a:solidFill>
                        <a:srgbClr val="1F497D"/>
                      </a:solidFill>
                      <a:prstDash val="solid"/>
                      <a:round/>
                      <a:headEnd type="none" w="med" len="med"/>
                      <a:tailEnd type="none" w="med" len="med"/>
                    </a:lnB>
                  </a:tcPr>
                </a:tc>
                <a:tc>
                  <a:txBody>
                    <a:bodyPr/>
                    <a:lstStyle/>
                    <a:p>
                      <a:pPr algn="ctr" fontAlgn="ctr"/>
                      <a:r>
                        <a:rPr lang="en-US" altLang="ja-JP"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2</a:t>
                      </a:r>
                    </a:p>
                  </a:txBody>
                  <a:tcPr marL="71998" marR="71998" marT="0" marB="0" anchor="ctr">
                    <a:lnL w="19050" cap="flat" cmpd="sng" algn="ctr">
                      <a:solidFill>
                        <a:srgbClr val="1F497D"/>
                      </a:solidFill>
                      <a:prstDash val="solid"/>
                      <a:round/>
                      <a:headEnd type="none" w="med" len="med"/>
                      <a:tailEnd type="none" w="med" len="med"/>
                    </a:lnL>
                    <a:lnR w="19050" cap="flat" cmpd="sng" algn="ctr">
                      <a:solidFill>
                        <a:srgbClr val="1F497D"/>
                      </a:solidFill>
                      <a:prstDash val="solid"/>
                      <a:round/>
                      <a:headEnd type="none" w="med" len="med"/>
                      <a:tailEnd type="none" w="med" len="med"/>
                    </a:lnR>
                    <a:lnT w="19050" cap="flat" cmpd="sng" algn="ctr">
                      <a:solidFill>
                        <a:srgbClr val="1F497D"/>
                      </a:solidFill>
                      <a:prstDash val="sysDash"/>
                      <a:round/>
                      <a:headEnd type="none" w="med" len="med"/>
                      <a:tailEnd type="none" w="med" len="med"/>
                    </a:lnT>
                    <a:lnB w="19050" cap="flat" cmpd="sng" algn="ctr">
                      <a:solidFill>
                        <a:srgbClr val="1F497D"/>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graphicFrame>
        <p:nvGraphicFramePr>
          <p:cNvPr id="73" name="グラフ 72"/>
          <p:cNvGraphicFramePr/>
          <p:nvPr>
            <p:extLst/>
          </p:nvPr>
        </p:nvGraphicFramePr>
        <p:xfrm>
          <a:off x="70645" y="2970868"/>
          <a:ext cx="4519103" cy="2692948"/>
        </p:xfrm>
        <a:graphic>
          <a:graphicData uri="http://schemas.openxmlformats.org/drawingml/2006/chart">
            <c:chart xmlns:c="http://schemas.openxmlformats.org/drawingml/2006/chart" xmlns:r="http://schemas.openxmlformats.org/officeDocument/2006/relationships" r:id="rId3"/>
          </a:graphicData>
        </a:graphic>
      </p:graphicFrame>
      <p:sp>
        <p:nvSpPr>
          <p:cNvPr id="94" name="正方形/長方形 93"/>
          <p:cNvSpPr/>
          <p:nvPr/>
        </p:nvSpPr>
        <p:spPr>
          <a:xfrm>
            <a:off x="425372" y="5435232"/>
            <a:ext cx="277710" cy="157790"/>
          </a:xfrm>
          <a:prstGeom prst="rect">
            <a:avLst/>
          </a:prstGeom>
          <a:noFill/>
          <a:ln w="1905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正方形/長方形 94"/>
          <p:cNvSpPr/>
          <p:nvPr/>
        </p:nvSpPr>
        <p:spPr>
          <a:xfrm>
            <a:off x="4194039" y="5419823"/>
            <a:ext cx="277710" cy="157790"/>
          </a:xfrm>
          <a:prstGeom prst="rect">
            <a:avLst/>
          </a:prstGeom>
          <a:noFill/>
          <a:ln w="1905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正方形/長方形 95"/>
          <p:cNvSpPr/>
          <p:nvPr/>
        </p:nvSpPr>
        <p:spPr>
          <a:xfrm>
            <a:off x="1503514" y="5434717"/>
            <a:ext cx="277710" cy="157790"/>
          </a:xfrm>
          <a:prstGeom prst="rect">
            <a:avLst/>
          </a:prstGeom>
          <a:noFill/>
          <a:ln w="1905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テキスト ボックス 97"/>
          <p:cNvSpPr txBox="1"/>
          <p:nvPr/>
        </p:nvSpPr>
        <p:spPr>
          <a:xfrm>
            <a:off x="310110" y="5663816"/>
            <a:ext cx="480057" cy="246221"/>
          </a:xfrm>
          <a:prstGeom prst="rect">
            <a:avLst/>
          </a:prstGeom>
          <a:solidFill>
            <a:schemeClr val="bg1">
              <a:lumMod val="85000"/>
            </a:schemeClr>
          </a:solidFill>
        </p:spPr>
        <p:txBody>
          <a:bodyPr wrap="square" rtlCol="0">
            <a:spAutoFit/>
          </a:bodyPr>
          <a:lstStyle/>
          <a:p>
            <a:pPr algn="ctr"/>
            <a:r>
              <a:rPr lang="ja-JP" altLang="en-US" sz="1000" dirty="0">
                <a:latin typeface="Meiryo UI" panose="020B0604030504040204" pitchFamily="50" charset="-128"/>
                <a:ea typeface="Meiryo UI" panose="020B0604030504040204" pitchFamily="50" charset="-128"/>
              </a:rPr>
              <a:t>当初</a:t>
            </a:r>
            <a:endParaRPr kumimoji="1" lang="en-US" altLang="ja-JP" sz="1000" dirty="0" smtClean="0">
              <a:latin typeface="Meiryo UI" panose="020B0604030504040204" pitchFamily="50" charset="-128"/>
              <a:ea typeface="Meiryo UI" panose="020B0604030504040204" pitchFamily="50" charset="-128"/>
            </a:endParaRPr>
          </a:p>
        </p:txBody>
      </p:sp>
      <p:sp>
        <p:nvSpPr>
          <p:cNvPr id="150" name="正方形/長方形 149"/>
          <p:cNvSpPr/>
          <p:nvPr/>
        </p:nvSpPr>
        <p:spPr>
          <a:xfrm>
            <a:off x="2846539" y="5434717"/>
            <a:ext cx="277710" cy="157790"/>
          </a:xfrm>
          <a:prstGeom prst="rect">
            <a:avLst/>
          </a:prstGeom>
          <a:noFill/>
          <a:ln w="1905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55" name="グループ化 154"/>
          <p:cNvGrpSpPr/>
          <p:nvPr/>
        </p:nvGrpSpPr>
        <p:grpSpPr>
          <a:xfrm>
            <a:off x="572019" y="3062204"/>
            <a:ext cx="3755797" cy="2308680"/>
            <a:chOff x="572019" y="3029777"/>
            <a:chExt cx="3755797" cy="2272175"/>
          </a:xfrm>
        </p:grpSpPr>
        <p:cxnSp>
          <p:nvCxnSpPr>
            <p:cNvPr id="76" name="直線コネクタ 75"/>
            <p:cNvCxnSpPr/>
            <p:nvPr/>
          </p:nvCxnSpPr>
          <p:spPr>
            <a:xfrm flipV="1">
              <a:off x="572019" y="3029777"/>
              <a:ext cx="0" cy="2272175"/>
            </a:xfrm>
            <a:prstGeom prst="line">
              <a:avLst/>
            </a:prstGeom>
            <a:ln w="12700">
              <a:solidFill>
                <a:schemeClr val="tx1">
                  <a:lumMod val="50000"/>
                  <a:lumOff val="50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V="1">
              <a:off x="1642369" y="3029777"/>
              <a:ext cx="0" cy="2272175"/>
            </a:xfrm>
            <a:prstGeom prst="line">
              <a:avLst/>
            </a:prstGeom>
            <a:ln w="12700">
              <a:solidFill>
                <a:schemeClr val="tx1">
                  <a:lumMod val="50000"/>
                  <a:lumOff val="50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flipV="1">
              <a:off x="3005538" y="3029777"/>
              <a:ext cx="0" cy="2272175"/>
            </a:xfrm>
            <a:prstGeom prst="line">
              <a:avLst/>
            </a:prstGeom>
            <a:ln w="12700">
              <a:solidFill>
                <a:schemeClr val="tx1">
                  <a:lumMod val="50000"/>
                  <a:lumOff val="50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flipV="1">
              <a:off x="4327816" y="3029777"/>
              <a:ext cx="0" cy="2272175"/>
            </a:xfrm>
            <a:prstGeom prst="line">
              <a:avLst/>
            </a:prstGeom>
            <a:ln w="12700">
              <a:solidFill>
                <a:schemeClr val="tx1">
                  <a:lumMod val="50000"/>
                  <a:lumOff val="50000"/>
                </a:schemeClr>
              </a:solidFill>
              <a:prstDash val="sysDot"/>
            </a:ln>
          </p:spPr>
          <p:style>
            <a:lnRef idx="1">
              <a:schemeClr val="accent1"/>
            </a:lnRef>
            <a:fillRef idx="0">
              <a:schemeClr val="accent1"/>
            </a:fillRef>
            <a:effectRef idx="0">
              <a:schemeClr val="accent1"/>
            </a:effectRef>
            <a:fontRef idx="minor">
              <a:schemeClr val="tx1"/>
            </a:fontRef>
          </p:style>
        </p:cxnSp>
      </p:grpSp>
      <p:sp>
        <p:nvSpPr>
          <p:cNvPr id="91" name="二等辺三角形 90"/>
          <p:cNvSpPr/>
          <p:nvPr/>
        </p:nvSpPr>
        <p:spPr>
          <a:xfrm>
            <a:off x="1574279" y="3652416"/>
            <a:ext cx="136179" cy="117396"/>
          </a:xfrm>
          <a:prstGeom prst="triangl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2" name="二等辺三角形 91"/>
          <p:cNvSpPr/>
          <p:nvPr/>
        </p:nvSpPr>
        <p:spPr>
          <a:xfrm>
            <a:off x="2936970" y="3470962"/>
            <a:ext cx="136179" cy="117396"/>
          </a:xfrm>
          <a:prstGeom prst="triangl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3" name="二等辺三角形 92"/>
          <p:cNvSpPr/>
          <p:nvPr/>
        </p:nvSpPr>
        <p:spPr>
          <a:xfrm>
            <a:off x="4259727" y="3345172"/>
            <a:ext cx="136179" cy="117396"/>
          </a:xfrm>
          <a:prstGeom prst="triangl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二等辺三角形 103"/>
          <p:cNvSpPr/>
          <p:nvPr/>
        </p:nvSpPr>
        <p:spPr>
          <a:xfrm>
            <a:off x="507847" y="3984526"/>
            <a:ext cx="136179" cy="117396"/>
          </a:xfrm>
          <a:prstGeom prst="triangl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5" name="楕円 104"/>
          <p:cNvSpPr/>
          <p:nvPr/>
        </p:nvSpPr>
        <p:spPr>
          <a:xfrm>
            <a:off x="516244" y="4256536"/>
            <a:ext cx="111550" cy="111550"/>
          </a:xfrm>
          <a:prstGeom prst="ellips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6" name="楕円 105"/>
          <p:cNvSpPr/>
          <p:nvPr/>
        </p:nvSpPr>
        <p:spPr>
          <a:xfrm>
            <a:off x="1585260" y="3994394"/>
            <a:ext cx="111550" cy="111550"/>
          </a:xfrm>
          <a:prstGeom prst="ellips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楕円 106"/>
          <p:cNvSpPr/>
          <p:nvPr/>
        </p:nvSpPr>
        <p:spPr>
          <a:xfrm>
            <a:off x="2942572" y="3749525"/>
            <a:ext cx="111550" cy="111550"/>
          </a:xfrm>
          <a:prstGeom prst="ellips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8" name="楕円 107"/>
          <p:cNvSpPr/>
          <p:nvPr/>
        </p:nvSpPr>
        <p:spPr>
          <a:xfrm>
            <a:off x="4272041" y="3561686"/>
            <a:ext cx="111550" cy="111550"/>
          </a:xfrm>
          <a:prstGeom prst="ellips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正方形/長方形 108"/>
          <p:cNvSpPr/>
          <p:nvPr/>
        </p:nvSpPr>
        <p:spPr>
          <a:xfrm rot="2700000">
            <a:off x="775581" y="4990600"/>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正方形/長方形 109"/>
          <p:cNvSpPr/>
          <p:nvPr/>
        </p:nvSpPr>
        <p:spPr>
          <a:xfrm rot="2700000">
            <a:off x="1056569" y="4793279"/>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正方形/長方形 110"/>
          <p:cNvSpPr/>
          <p:nvPr/>
        </p:nvSpPr>
        <p:spPr>
          <a:xfrm rot="2700000">
            <a:off x="1351844" y="4650057"/>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正方形/長方形 111"/>
          <p:cNvSpPr/>
          <p:nvPr/>
        </p:nvSpPr>
        <p:spPr>
          <a:xfrm rot="2700000">
            <a:off x="1589969" y="4507072"/>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3" name="正方形/長方形 112"/>
          <p:cNvSpPr/>
          <p:nvPr/>
        </p:nvSpPr>
        <p:spPr>
          <a:xfrm rot="2700000">
            <a:off x="1856668" y="4322174"/>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4" name="正方形/長方形 113"/>
          <p:cNvSpPr/>
          <p:nvPr/>
        </p:nvSpPr>
        <p:spPr>
          <a:xfrm rot="2700000">
            <a:off x="2136465" y="4187894"/>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5" name="正方形/長方形 114"/>
          <p:cNvSpPr/>
          <p:nvPr/>
        </p:nvSpPr>
        <p:spPr>
          <a:xfrm rot="2700000">
            <a:off x="2404356" y="4014399"/>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6" name="正方形/長方形 115"/>
          <p:cNvSpPr/>
          <p:nvPr/>
        </p:nvSpPr>
        <p:spPr>
          <a:xfrm rot="2700000">
            <a:off x="2675819" y="3866602"/>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7" name="正方形/長方形 116"/>
          <p:cNvSpPr/>
          <p:nvPr/>
        </p:nvSpPr>
        <p:spPr>
          <a:xfrm rot="2700000">
            <a:off x="2952044" y="3701230"/>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8" name="正方形/長方形 117"/>
          <p:cNvSpPr/>
          <p:nvPr/>
        </p:nvSpPr>
        <p:spPr>
          <a:xfrm rot="2700000">
            <a:off x="3230650" y="3672421"/>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9" name="正方形/長方形 118"/>
          <p:cNvSpPr/>
          <p:nvPr/>
        </p:nvSpPr>
        <p:spPr>
          <a:xfrm rot="2700000">
            <a:off x="3523544" y="3574597"/>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0" name="正方形/長方形 119"/>
          <p:cNvSpPr/>
          <p:nvPr/>
        </p:nvSpPr>
        <p:spPr>
          <a:xfrm rot="2700000">
            <a:off x="3783100" y="3490966"/>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1" name="正方形/長方形 120"/>
          <p:cNvSpPr/>
          <p:nvPr/>
        </p:nvSpPr>
        <p:spPr>
          <a:xfrm rot="2700000">
            <a:off x="4035513" y="3410578"/>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正方形/長方形 121"/>
          <p:cNvSpPr/>
          <p:nvPr/>
        </p:nvSpPr>
        <p:spPr>
          <a:xfrm rot="2700000">
            <a:off x="4283163" y="3288714"/>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6" name="テキスト ボックス 155"/>
          <p:cNvSpPr txBox="1"/>
          <p:nvPr/>
        </p:nvSpPr>
        <p:spPr>
          <a:xfrm>
            <a:off x="1405485" y="5663816"/>
            <a:ext cx="480057" cy="246221"/>
          </a:xfrm>
          <a:prstGeom prst="rect">
            <a:avLst/>
          </a:prstGeom>
          <a:solidFill>
            <a:schemeClr val="bg1">
              <a:lumMod val="85000"/>
            </a:schemeClr>
          </a:solidFill>
        </p:spPr>
        <p:txBody>
          <a:bodyPr wrap="square" rtlCol="0">
            <a:spAutoFit/>
          </a:bodyPr>
          <a:lstStyle/>
          <a:p>
            <a:pPr algn="ctr"/>
            <a:r>
              <a:rPr kumimoji="1" lang="ja-JP" altLang="en-US" sz="1000" dirty="0" smtClean="0">
                <a:latin typeface="Meiryo UI" panose="020B0604030504040204" pitchFamily="50" charset="-128"/>
                <a:ea typeface="Meiryo UI" panose="020B0604030504040204" pitchFamily="50" charset="-128"/>
              </a:rPr>
              <a:t>検証</a:t>
            </a:r>
            <a:endParaRPr kumimoji="1" lang="en-US" altLang="ja-JP" sz="1000" dirty="0" smtClean="0">
              <a:latin typeface="Meiryo UI" panose="020B0604030504040204" pitchFamily="50" charset="-128"/>
              <a:ea typeface="Meiryo UI" panose="020B0604030504040204" pitchFamily="50" charset="-128"/>
            </a:endParaRPr>
          </a:p>
        </p:txBody>
      </p:sp>
      <p:sp>
        <p:nvSpPr>
          <p:cNvPr id="157" name="テキスト ボックス 156"/>
          <p:cNvSpPr txBox="1"/>
          <p:nvPr/>
        </p:nvSpPr>
        <p:spPr>
          <a:xfrm>
            <a:off x="2710410" y="5663816"/>
            <a:ext cx="480057" cy="246221"/>
          </a:xfrm>
          <a:prstGeom prst="rect">
            <a:avLst/>
          </a:prstGeom>
          <a:solidFill>
            <a:schemeClr val="bg1">
              <a:lumMod val="85000"/>
            </a:schemeClr>
          </a:solidFill>
        </p:spPr>
        <p:txBody>
          <a:bodyPr wrap="square" rtlCol="0">
            <a:spAutoFit/>
          </a:bodyPr>
          <a:lstStyle/>
          <a:p>
            <a:pPr algn="ctr"/>
            <a:r>
              <a:rPr kumimoji="1" lang="ja-JP" altLang="en-US" sz="1000" dirty="0" smtClean="0">
                <a:latin typeface="Meiryo UI" panose="020B0604030504040204" pitchFamily="50" charset="-128"/>
                <a:ea typeface="Meiryo UI" panose="020B0604030504040204" pitchFamily="50" charset="-128"/>
              </a:rPr>
              <a:t>検証</a:t>
            </a:r>
            <a:endParaRPr kumimoji="1" lang="en-US" altLang="ja-JP" sz="1000" dirty="0" smtClean="0">
              <a:latin typeface="Meiryo UI" panose="020B0604030504040204" pitchFamily="50" charset="-128"/>
              <a:ea typeface="Meiryo UI" panose="020B0604030504040204" pitchFamily="50" charset="-128"/>
            </a:endParaRPr>
          </a:p>
        </p:txBody>
      </p:sp>
      <p:sp>
        <p:nvSpPr>
          <p:cNvPr id="158" name="テキスト ボックス 157"/>
          <p:cNvSpPr txBox="1"/>
          <p:nvPr/>
        </p:nvSpPr>
        <p:spPr>
          <a:xfrm>
            <a:off x="4091535" y="5663816"/>
            <a:ext cx="480057" cy="246221"/>
          </a:xfrm>
          <a:prstGeom prst="rect">
            <a:avLst/>
          </a:prstGeom>
          <a:solidFill>
            <a:schemeClr val="bg1">
              <a:lumMod val="85000"/>
            </a:schemeClr>
          </a:solidFill>
        </p:spPr>
        <p:txBody>
          <a:bodyPr wrap="square" rtlCol="0">
            <a:spAutoFit/>
          </a:bodyPr>
          <a:lstStyle/>
          <a:p>
            <a:pPr algn="ctr"/>
            <a:r>
              <a:rPr kumimoji="1" lang="ja-JP" altLang="en-US" sz="1000" dirty="0" smtClean="0">
                <a:latin typeface="Meiryo UI" panose="020B0604030504040204" pitchFamily="50" charset="-128"/>
                <a:ea typeface="Meiryo UI" panose="020B0604030504040204" pitchFamily="50" charset="-128"/>
              </a:rPr>
              <a:t>現状</a:t>
            </a:r>
            <a:endParaRPr kumimoji="1" lang="en-US" altLang="ja-JP" sz="1000" dirty="0" smtClean="0">
              <a:latin typeface="Meiryo UI" panose="020B0604030504040204" pitchFamily="50" charset="-128"/>
              <a:ea typeface="Meiryo UI" panose="020B0604030504040204" pitchFamily="50" charset="-128"/>
            </a:endParaRPr>
          </a:p>
        </p:txBody>
      </p:sp>
      <p:sp>
        <p:nvSpPr>
          <p:cNvPr id="159" name="テキスト ボックス 158"/>
          <p:cNvSpPr txBox="1"/>
          <p:nvPr/>
        </p:nvSpPr>
        <p:spPr>
          <a:xfrm>
            <a:off x="496396" y="3752476"/>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79.0</a:t>
            </a:r>
          </a:p>
        </p:txBody>
      </p:sp>
      <p:sp>
        <p:nvSpPr>
          <p:cNvPr id="160" name="テキスト ボックス 159"/>
          <p:cNvSpPr txBox="1"/>
          <p:nvPr/>
        </p:nvSpPr>
        <p:spPr>
          <a:xfrm>
            <a:off x="1394373" y="3436729"/>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86.0</a:t>
            </a:r>
          </a:p>
        </p:txBody>
      </p:sp>
      <p:sp>
        <p:nvSpPr>
          <p:cNvPr id="161" name="テキスト ボックス 160"/>
          <p:cNvSpPr txBox="1"/>
          <p:nvPr/>
        </p:nvSpPr>
        <p:spPr>
          <a:xfrm>
            <a:off x="2720253" y="3278473"/>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90.3</a:t>
            </a:r>
          </a:p>
        </p:txBody>
      </p:sp>
      <p:sp>
        <p:nvSpPr>
          <p:cNvPr id="162" name="テキスト ボックス 161"/>
          <p:cNvSpPr txBox="1"/>
          <p:nvPr/>
        </p:nvSpPr>
        <p:spPr>
          <a:xfrm>
            <a:off x="4289268" y="3261868"/>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93.9</a:t>
            </a:r>
          </a:p>
        </p:txBody>
      </p:sp>
      <p:sp>
        <p:nvSpPr>
          <p:cNvPr id="163" name="テキスト ボックス 162"/>
          <p:cNvSpPr txBox="1"/>
          <p:nvPr/>
        </p:nvSpPr>
        <p:spPr>
          <a:xfrm>
            <a:off x="4127732" y="3640181"/>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88.7</a:t>
            </a:r>
          </a:p>
        </p:txBody>
      </p:sp>
      <p:sp>
        <p:nvSpPr>
          <p:cNvPr id="164" name="テキスト ボックス 163"/>
          <p:cNvSpPr txBox="1"/>
          <p:nvPr/>
        </p:nvSpPr>
        <p:spPr>
          <a:xfrm>
            <a:off x="2738596" y="3807162"/>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84.9</a:t>
            </a:r>
          </a:p>
        </p:txBody>
      </p:sp>
      <p:sp>
        <p:nvSpPr>
          <p:cNvPr id="165" name="テキスト ボックス 164"/>
          <p:cNvSpPr txBox="1"/>
          <p:nvPr/>
        </p:nvSpPr>
        <p:spPr>
          <a:xfrm>
            <a:off x="1373385" y="4082141"/>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79.0</a:t>
            </a:r>
          </a:p>
        </p:txBody>
      </p:sp>
      <p:sp>
        <p:nvSpPr>
          <p:cNvPr id="166" name="テキスト ボックス 165"/>
          <p:cNvSpPr txBox="1"/>
          <p:nvPr/>
        </p:nvSpPr>
        <p:spPr>
          <a:xfrm>
            <a:off x="507847" y="4298417"/>
            <a:ext cx="491853" cy="246221"/>
          </a:xfrm>
          <a:prstGeom prst="rect">
            <a:avLst/>
          </a:prstGeom>
          <a:noFill/>
        </p:spPr>
        <p:txBody>
          <a:bodyPr wrap="square" rtlCol="0">
            <a:spAutoFit/>
          </a:bodyPr>
          <a:lstStyle/>
          <a:p>
            <a:pPr algn="ctr"/>
            <a:r>
              <a:rPr kumimoji="1" lang="en-US" altLang="ja-JP" sz="1000" b="1" dirty="0" smtClean="0">
                <a:solidFill>
                  <a:srgbClr val="002060"/>
                </a:solidFill>
                <a:latin typeface="Meiryo UI" panose="020B0604030504040204" pitchFamily="50" charset="-128"/>
                <a:ea typeface="Meiryo UI" panose="020B0604030504040204" pitchFamily="50" charset="-128"/>
              </a:rPr>
              <a:t>73.2</a:t>
            </a:r>
          </a:p>
        </p:txBody>
      </p:sp>
      <p:sp>
        <p:nvSpPr>
          <p:cNvPr id="167" name="テキスト ボックス 166"/>
          <p:cNvSpPr txBox="1"/>
          <p:nvPr/>
        </p:nvSpPr>
        <p:spPr>
          <a:xfrm>
            <a:off x="480968" y="4743714"/>
            <a:ext cx="491853" cy="246221"/>
          </a:xfrm>
          <a:prstGeom prst="rect">
            <a:avLst/>
          </a:prstGeom>
          <a:noFill/>
        </p:spPr>
        <p:txBody>
          <a:bodyPr wrap="square" rtlCol="0">
            <a:spAutoFit/>
          </a:bodyPr>
          <a:lstStyle/>
          <a:p>
            <a:pPr algn="ctr"/>
            <a:r>
              <a:rPr kumimoji="1" lang="en-US" altLang="ja-JP" sz="1000" b="1" dirty="0" smtClean="0">
                <a:solidFill>
                  <a:schemeClr val="accent6">
                    <a:lumMod val="50000"/>
                  </a:schemeClr>
                </a:solidFill>
                <a:latin typeface="Meiryo UI" panose="020B0604030504040204" pitchFamily="50" charset="-128"/>
                <a:ea typeface="Meiryo UI" panose="020B0604030504040204" pitchFamily="50" charset="-128"/>
              </a:rPr>
              <a:t>56.6</a:t>
            </a:r>
          </a:p>
        </p:txBody>
      </p:sp>
      <p:sp>
        <p:nvSpPr>
          <p:cNvPr id="168" name="テキスト ボックス 167"/>
          <p:cNvSpPr txBox="1"/>
          <p:nvPr/>
        </p:nvSpPr>
        <p:spPr>
          <a:xfrm>
            <a:off x="4079739" y="3052555"/>
            <a:ext cx="491853" cy="246221"/>
          </a:xfrm>
          <a:prstGeom prst="rect">
            <a:avLst/>
          </a:prstGeom>
          <a:noFill/>
        </p:spPr>
        <p:txBody>
          <a:bodyPr wrap="square" rtlCol="0">
            <a:spAutoFit/>
          </a:bodyPr>
          <a:lstStyle/>
          <a:p>
            <a:pPr algn="ctr"/>
            <a:r>
              <a:rPr kumimoji="1" lang="en-US" altLang="ja-JP" sz="1000" b="1" dirty="0" smtClean="0">
                <a:solidFill>
                  <a:schemeClr val="accent6">
                    <a:lumMod val="50000"/>
                  </a:schemeClr>
                </a:solidFill>
                <a:latin typeface="Meiryo UI" panose="020B0604030504040204" pitchFamily="50" charset="-128"/>
                <a:ea typeface="Meiryo UI" panose="020B0604030504040204" pitchFamily="50" charset="-128"/>
              </a:rPr>
              <a:t>94.4</a:t>
            </a:r>
          </a:p>
        </p:txBody>
      </p:sp>
      <p:grpSp>
        <p:nvGrpSpPr>
          <p:cNvPr id="189" name="グループ化 188"/>
          <p:cNvGrpSpPr/>
          <p:nvPr/>
        </p:nvGrpSpPr>
        <p:grpSpPr>
          <a:xfrm>
            <a:off x="2466383" y="4487067"/>
            <a:ext cx="2246881" cy="586634"/>
            <a:chOff x="2290923" y="4487067"/>
            <a:chExt cx="2246881" cy="586634"/>
          </a:xfrm>
        </p:grpSpPr>
        <p:sp>
          <p:nvSpPr>
            <p:cNvPr id="169" name="正方形/長方形 168"/>
            <p:cNvSpPr/>
            <p:nvPr/>
          </p:nvSpPr>
          <p:spPr>
            <a:xfrm>
              <a:off x="2290923" y="4487067"/>
              <a:ext cx="2104983" cy="586634"/>
            </a:xfrm>
            <a:prstGeom prst="rect">
              <a:avLst/>
            </a:prstGeom>
            <a:solidFill>
              <a:schemeClr val="bg1"/>
            </a:solidFill>
            <a:ln cmpd="dbl">
              <a:solidFill>
                <a:srgbClr val="4D4D4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171" name="直線コネクタ 170"/>
            <p:cNvCxnSpPr/>
            <p:nvPr/>
          </p:nvCxnSpPr>
          <p:spPr>
            <a:xfrm>
              <a:off x="2377595" y="4610220"/>
              <a:ext cx="357101" cy="0"/>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172" name="直線コネクタ 171"/>
            <p:cNvCxnSpPr/>
            <p:nvPr/>
          </p:nvCxnSpPr>
          <p:spPr>
            <a:xfrm>
              <a:off x="2377595" y="4776275"/>
              <a:ext cx="357101" cy="0"/>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173" name="直線コネクタ 172"/>
            <p:cNvCxnSpPr/>
            <p:nvPr/>
          </p:nvCxnSpPr>
          <p:spPr>
            <a:xfrm>
              <a:off x="2377595" y="4943246"/>
              <a:ext cx="357101" cy="0"/>
            </a:xfrm>
            <a:prstGeom prst="line">
              <a:avLst/>
            </a:prstGeom>
            <a:ln w="254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cxnSp>
        <p:sp>
          <p:nvSpPr>
            <p:cNvPr id="174" name="二等辺三角形 173"/>
            <p:cNvSpPr/>
            <p:nvPr/>
          </p:nvSpPr>
          <p:spPr>
            <a:xfrm>
              <a:off x="2479784" y="4537483"/>
              <a:ext cx="136179" cy="117396"/>
            </a:xfrm>
            <a:prstGeom prst="triangl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5" name="楕円 174"/>
            <p:cNvSpPr/>
            <p:nvPr/>
          </p:nvSpPr>
          <p:spPr>
            <a:xfrm>
              <a:off x="2490765" y="4717050"/>
              <a:ext cx="111550" cy="111550"/>
            </a:xfrm>
            <a:prstGeom prst="ellipse">
              <a:avLst/>
            </a:prstGeom>
            <a:solidFill>
              <a:srgbClr val="002060"/>
            </a:solid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6" name="正方形/長方形 175"/>
            <p:cNvSpPr/>
            <p:nvPr/>
          </p:nvSpPr>
          <p:spPr>
            <a:xfrm rot="2700000">
              <a:off x="2500236" y="4896638"/>
              <a:ext cx="96590" cy="96590"/>
            </a:xfrm>
            <a:prstGeom prst="rect">
              <a:avLst/>
            </a:prstGeom>
            <a:solidFill>
              <a:schemeClr val="accent6">
                <a:lumMod val="75000"/>
              </a:schemeClr>
            </a:solidFill>
            <a:ln w="127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7" name="テキスト ボックス 176"/>
            <p:cNvSpPr txBox="1"/>
            <p:nvPr/>
          </p:nvSpPr>
          <p:spPr>
            <a:xfrm>
              <a:off x="2676397" y="4487985"/>
              <a:ext cx="708848" cy="215444"/>
            </a:xfrm>
            <a:prstGeom prst="rect">
              <a:avLst/>
            </a:prstGeom>
            <a:noFill/>
          </p:spPr>
          <p:txBody>
            <a:bodyPr wrap="none" rtlCol="0">
              <a:spAutoFit/>
            </a:bodyPr>
            <a:lstStyle/>
            <a:p>
              <a:r>
                <a:rPr kumimoji="1" lang="en-US" altLang="ja-JP" sz="800" dirty="0" smtClean="0">
                  <a:latin typeface="Meiryo UI" panose="020B0604030504040204" pitchFamily="50" charset="-128"/>
                  <a:ea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rPr>
                <a:t>　民間住宅</a:t>
              </a:r>
              <a:endParaRPr kumimoji="1" lang="en-US" altLang="ja-JP" sz="800" dirty="0" smtClean="0">
                <a:latin typeface="Meiryo UI" panose="020B0604030504040204" pitchFamily="50" charset="-128"/>
                <a:ea typeface="Meiryo UI" panose="020B0604030504040204" pitchFamily="50" charset="-128"/>
              </a:endParaRPr>
            </a:p>
          </p:txBody>
        </p:sp>
        <p:sp>
          <p:nvSpPr>
            <p:cNvPr id="178" name="テキスト ボックス 177"/>
            <p:cNvSpPr txBox="1"/>
            <p:nvPr/>
          </p:nvSpPr>
          <p:spPr>
            <a:xfrm>
              <a:off x="2676397" y="4658949"/>
              <a:ext cx="1861407" cy="215444"/>
            </a:xfrm>
            <a:prstGeom prst="rect">
              <a:avLst/>
            </a:prstGeom>
            <a:noFill/>
          </p:spPr>
          <p:txBody>
            <a:bodyPr wrap="none" rtlCol="0">
              <a:spAutoFit/>
            </a:bodyPr>
            <a:lstStyle/>
            <a:p>
              <a:r>
                <a:rPr kumimoji="1" lang="en-US" altLang="ja-JP" sz="800" dirty="0" smtClean="0">
                  <a:latin typeface="Meiryo UI" panose="020B0604030504040204" pitchFamily="50" charset="-128"/>
                  <a:ea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rPr>
                <a:t>　多数の者が利用する建築物（民間）</a:t>
              </a:r>
              <a:endParaRPr kumimoji="1" lang="en-US" altLang="ja-JP" sz="800" dirty="0" smtClean="0">
                <a:latin typeface="Meiryo UI" panose="020B0604030504040204" pitchFamily="50" charset="-128"/>
                <a:ea typeface="Meiryo UI" panose="020B0604030504040204" pitchFamily="50" charset="-128"/>
              </a:endParaRPr>
            </a:p>
          </p:txBody>
        </p:sp>
        <p:sp>
          <p:nvSpPr>
            <p:cNvPr id="179" name="テキスト ボックス 178"/>
            <p:cNvSpPr txBox="1"/>
            <p:nvPr/>
          </p:nvSpPr>
          <p:spPr>
            <a:xfrm>
              <a:off x="2676397" y="4833540"/>
              <a:ext cx="811441" cy="215444"/>
            </a:xfrm>
            <a:prstGeom prst="rect">
              <a:avLst/>
            </a:prstGeom>
            <a:noFill/>
          </p:spPr>
          <p:txBody>
            <a:bodyPr wrap="none" rtlCol="0">
              <a:spAutoFit/>
            </a:bodyPr>
            <a:lstStyle/>
            <a:p>
              <a:r>
                <a:rPr kumimoji="1" lang="en-US" altLang="ja-JP" sz="800" dirty="0" smtClean="0">
                  <a:latin typeface="Meiryo UI" panose="020B0604030504040204" pitchFamily="50" charset="-128"/>
                  <a:ea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rPr>
                <a:t>　府有建築物</a:t>
              </a:r>
              <a:endParaRPr kumimoji="1" lang="en-US" altLang="ja-JP" sz="800" dirty="0" smtClean="0">
                <a:latin typeface="Meiryo UI" panose="020B0604030504040204" pitchFamily="50" charset="-128"/>
                <a:ea typeface="Meiryo UI" panose="020B0604030504040204" pitchFamily="50" charset="-128"/>
              </a:endParaRPr>
            </a:p>
          </p:txBody>
        </p:sp>
      </p:grpSp>
      <p:sp>
        <p:nvSpPr>
          <p:cNvPr id="190" name="右矢印 189"/>
          <p:cNvSpPr/>
          <p:nvPr/>
        </p:nvSpPr>
        <p:spPr>
          <a:xfrm rot="20370925">
            <a:off x="2808386" y="3962721"/>
            <a:ext cx="1219696" cy="181047"/>
          </a:xfrm>
          <a:prstGeom prst="rightArrow">
            <a:avLst/>
          </a:prstGeom>
          <a:solidFill>
            <a:srgbClr val="FFC000"/>
          </a:solidFill>
          <a:ln w="1270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p:cNvSpPr txBox="1"/>
          <p:nvPr/>
        </p:nvSpPr>
        <p:spPr>
          <a:xfrm>
            <a:off x="4543" y="2815983"/>
            <a:ext cx="491853" cy="215444"/>
          </a:xfrm>
          <a:prstGeom prst="rect">
            <a:avLst/>
          </a:prstGeom>
          <a:noFill/>
        </p:spPr>
        <p:txBody>
          <a:bodyPr wrap="square" rtlCol="0">
            <a:spAutoFit/>
          </a:bodyPr>
          <a:lstStyle/>
          <a:p>
            <a:pPr algn="ctr"/>
            <a:r>
              <a:rPr kumimoji="1" lang="en-US" altLang="ja-JP" sz="800" b="1" dirty="0" smtClean="0">
                <a:solidFill>
                  <a:schemeClr val="tx1">
                    <a:lumMod val="65000"/>
                    <a:lumOff val="35000"/>
                  </a:schemeClr>
                </a:solidFill>
                <a:latin typeface="HGPｺﾞｼｯｸM" panose="020B0600000000000000" pitchFamily="50" charset="-128"/>
                <a:ea typeface="HGPｺﾞｼｯｸM" panose="020B0600000000000000" pitchFamily="50" charset="-128"/>
              </a:rPr>
              <a:t>(</a:t>
            </a:r>
            <a:r>
              <a:rPr kumimoji="1" lang="ja-JP" altLang="en-US" sz="800" b="1" dirty="0" smtClean="0">
                <a:solidFill>
                  <a:schemeClr val="tx1">
                    <a:lumMod val="65000"/>
                    <a:lumOff val="35000"/>
                  </a:schemeClr>
                </a:solidFill>
                <a:latin typeface="HGPｺﾞｼｯｸM" panose="020B0600000000000000" pitchFamily="50" charset="-128"/>
                <a:ea typeface="HGPｺﾞｼｯｸM" panose="020B0600000000000000" pitchFamily="50" charset="-128"/>
              </a:rPr>
              <a:t>％</a:t>
            </a:r>
            <a:r>
              <a:rPr kumimoji="1" lang="en-US" altLang="ja-JP" sz="800" b="1" dirty="0" smtClean="0">
                <a:solidFill>
                  <a:schemeClr val="tx1">
                    <a:lumMod val="65000"/>
                    <a:lumOff val="35000"/>
                  </a:schemeClr>
                </a:solidFill>
                <a:latin typeface="HGPｺﾞｼｯｸM" panose="020B0600000000000000" pitchFamily="50" charset="-128"/>
                <a:ea typeface="HGPｺﾞｼｯｸM" panose="020B0600000000000000" pitchFamily="50" charset="-128"/>
              </a:rPr>
              <a:t>)</a:t>
            </a:r>
          </a:p>
        </p:txBody>
      </p:sp>
      <p:sp>
        <p:nvSpPr>
          <p:cNvPr id="74" name="スライド番号プレースホルダー 2"/>
          <p:cNvSpPr txBox="1">
            <a:spLocks/>
          </p:cNvSpPr>
          <p:nvPr/>
        </p:nvSpPr>
        <p:spPr>
          <a:xfrm>
            <a:off x="7023450" y="6472432"/>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145</a:t>
            </a:fld>
            <a:endParaRPr lang="ja-JP" altLang="en-US" dirty="0"/>
          </a:p>
        </p:txBody>
      </p:sp>
    </p:spTree>
    <p:extLst>
      <p:ext uri="{BB962C8B-B14F-4D97-AF65-F5344CB8AC3E}">
        <p14:creationId xmlns:p14="http://schemas.microsoft.com/office/powerpoint/2010/main" val="1473086351"/>
      </p:ext>
    </p:extLst>
  </p:cSld>
  <p:clrMapOvr>
    <a:masterClrMapping/>
  </p:clrMapOvr>
  <p:timing>
    <p:tnLst>
      <p:par>
        <p:cTn id="1" dur="indefinite" restart="never" nodeType="tmRoot"/>
      </p:par>
    </p:tnLst>
  </p:timing>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188" name="正方形/長方形 7"/>
          <p:cNvSpPr>
            <a:spLocks noChangeArrowheads="1"/>
          </p:cNvSpPr>
          <p:nvPr/>
        </p:nvSpPr>
        <p:spPr bwMode="auto">
          <a:xfrm>
            <a:off x="251520" y="2661784"/>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エネルギー地産地消推進プラン</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策定）</a:t>
            </a:r>
          </a:p>
        </p:txBody>
      </p:sp>
      <p:graphicFrame>
        <p:nvGraphicFramePr>
          <p:cNvPr id="9" name="表 8"/>
          <p:cNvGraphicFramePr>
            <a:graphicFrameLocks noGrp="1"/>
          </p:cNvGraphicFramePr>
          <p:nvPr>
            <p:extLst>
              <p:ext uri="{D42A27DB-BD31-4B8C-83A1-F6EECF244321}">
                <p14:modId xmlns:p14="http://schemas.microsoft.com/office/powerpoint/2010/main" val="4040768024"/>
              </p:ext>
            </p:extLst>
          </p:nvPr>
        </p:nvGraphicFramePr>
        <p:xfrm>
          <a:off x="554831" y="3025886"/>
          <a:ext cx="7961312" cy="3000375"/>
        </p:xfrm>
        <a:graphic>
          <a:graphicData uri="http://schemas.openxmlformats.org/drawingml/2006/table">
            <a:tbl>
              <a:tblPr firstRow="1" firstCol="1" bandRow="1"/>
              <a:tblGrid>
                <a:gridCol w="7961312">
                  <a:extLst>
                    <a:ext uri="{9D8B030D-6E8A-4147-A177-3AD203B41FA5}">
                      <a16:colId xmlns:a16="http://schemas.microsoft.com/office/drawing/2014/main" val="20000"/>
                    </a:ext>
                  </a:extLst>
                </a:gridCol>
              </a:tblGrid>
              <a:tr h="3000375">
                <a:tc>
                  <a:txBody>
                    <a:bodyPr/>
                    <a:lstStyle/>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0" name="正方形/長方形 10"/>
          <p:cNvSpPr>
            <a:spLocks noChangeArrowheads="1"/>
          </p:cNvSpPr>
          <p:nvPr/>
        </p:nvSpPr>
        <p:spPr bwMode="auto">
          <a:xfrm>
            <a:off x="125252" y="61691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地産地消推進プラン</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25252" y="1124746"/>
            <a:ext cx="8928992" cy="14401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日本大震災により我が国のエネルギー供給の脆弱さが露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持続的な経済成長を図るためには、エネルギー需給構造の転換が必要。</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46</a:t>
            </a:fld>
            <a:endParaRPr lang="ja-JP" altLang="en-US" dirty="0"/>
          </a:p>
        </p:txBody>
      </p:sp>
      <p:graphicFrame>
        <p:nvGraphicFramePr>
          <p:cNvPr id="14" name="表 13"/>
          <p:cNvGraphicFramePr>
            <a:graphicFrameLocks noGrp="1"/>
          </p:cNvGraphicFramePr>
          <p:nvPr>
            <p:extLst>
              <p:ext uri="{D42A27DB-BD31-4B8C-83A1-F6EECF244321}">
                <p14:modId xmlns:p14="http://schemas.microsoft.com/office/powerpoint/2010/main" val="1045123590"/>
              </p:ext>
            </p:extLst>
          </p:nvPr>
        </p:nvGraphicFramePr>
        <p:xfrm>
          <a:off x="327312" y="6129826"/>
          <a:ext cx="8416350" cy="564410"/>
        </p:xfrm>
        <a:graphic>
          <a:graphicData uri="http://schemas.openxmlformats.org/drawingml/2006/table">
            <a:tbl>
              <a:tblPr firstRow="1" firstCol="1" bandRow="1"/>
              <a:tblGrid>
                <a:gridCol w="8416350">
                  <a:extLst>
                    <a:ext uri="{9D8B030D-6E8A-4147-A177-3AD203B41FA5}">
                      <a16:colId xmlns:a16="http://schemas.microsoft.com/office/drawing/2014/main" val="20000"/>
                    </a:ext>
                  </a:extLst>
                </a:gridCol>
              </a:tblGrid>
              <a:tr h="564410">
                <a:tc>
                  <a:txBody>
                    <a:bodyPr/>
                    <a:lstStyle/>
                    <a:p>
                      <a:pPr algn="l">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に大阪府・市で共同で設置した大阪府市エネルギー政策審議会に今後のエネルギー政策のあり方について諮問、</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以降の新たなプランを策定予定</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0"/>
                  </a:ext>
                </a:extLst>
              </a:tr>
            </a:tbl>
          </a:graphicData>
        </a:graphic>
      </p:graphicFrame>
    </p:spTree>
    <p:extLst>
      <p:ext uri="{BB962C8B-B14F-4D97-AF65-F5344CB8AC3E}">
        <p14:creationId xmlns:p14="http://schemas.microsoft.com/office/powerpoint/2010/main" val="1368361688"/>
      </p:ext>
    </p:extLst>
  </p:cSld>
  <p:clrMapOvr>
    <a:masterClrMapping/>
  </p:clrMapOvr>
  <p:timing>
    <p:tnLst>
      <p:par>
        <p:cTn id="1" dur="indefinite" restart="never" nodeType="tmRoot"/>
      </p:par>
    </p:tnLst>
  </p:timing>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338227"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中央</a:t>
            </a:r>
            <a:r>
              <a:rPr lang="ja-JP" altLang="en-US" sz="1400" dirty="0">
                <a:latin typeface="Meiryo UI" pitchFamily="50" charset="-128"/>
                <a:ea typeface="Meiryo UI" pitchFamily="50" charset="-128"/>
                <a:cs typeface="Meiryo UI" pitchFamily="50" charset="-128"/>
              </a:rPr>
              <a:t>卸売市場の燃料</a:t>
            </a:r>
            <a:r>
              <a:rPr lang="ja-JP" altLang="en-US" sz="1400" dirty="0" smtClean="0">
                <a:latin typeface="Meiryo UI" pitchFamily="50" charset="-128"/>
                <a:ea typeface="Meiryo UI" pitchFamily="50" charset="-128"/>
                <a:cs typeface="Meiryo UI" pitchFamily="50" charset="-128"/>
              </a:rPr>
              <a:t>電池</a:t>
            </a:r>
            <a:endParaRPr lang="ja-JP" altLang="en-US" sz="1400" dirty="0">
              <a:latin typeface="Meiryo UI" pitchFamily="50" charset="-128"/>
              <a:ea typeface="Meiryo UI" pitchFamily="50" charset="-128"/>
              <a:cs typeface="Meiryo UI"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07505" y="449256"/>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の公共施設での先導的な導入・活用事例の創出・</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さ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新エネルギー関連ビジネスの普及・市場拡大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とめてお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グリッドプロジェクト事業を開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に「イワタニ水素ステーション関西国際空港」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所。</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地中熱</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の促進や建物間で電気や熱の融通を行うエネルギー面的利用の促進な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も進め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697637006"/>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都道府県設置数</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九州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25344"/>
            <a:ext cx="2133600" cy="365125"/>
          </a:xfrm>
        </p:spPr>
        <p:txBody>
          <a:bodyPr/>
          <a:lstStyle/>
          <a:p>
            <a:pPr>
              <a:defRPr/>
            </a:pPr>
            <a:fld id="{4AC9B83D-17C3-4F2E-B0BA-D155CD364A7C}" type="slidenum">
              <a:rPr lang="ja-JP" altLang="en-US" b="1" smtClean="0"/>
              <a:pPr>
                <a:defRPr/>
              </a:pPr>
              <a:t>147</a:t>
            </a:fld>
            <a:endParaRPr lang="ja-JP" altLang="en-US" b="1" dirty="0"/>
          </a:p>
        </p:txBody>
      </p:sp>
      <p:pic>
        <p:nvPicPr>
          <p:cNvPr id="94215" name="Picture 2"/>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smtClean="0">
                <a:latin typeface="Meiryo UI" pitchFamily="50" charset="-128"/>
                <a:ea typeface="Meiryo UI" pitchFamily="50" charset="-128"/>
                <a:cs typeface="Meiryo UI" pitchFamily="50" charset="-128"/>
              </a:rPr>
              <a:t>○</a:t>
            </a:r>
            <a:r>
              <a:rPr lang="en-US" altLang="ja-JP" sz="1400" dirty="0" smtClean="0">
                <a:latin typeface="Meiryo UI" pitchFamily="50" charset="-128"/>
                <a:ea typeface="Meiryo UI" pitchFamily="50" charset="-128"/>
                <a:cs typeface="Meiryo UI" pitchFamily="50" charset="-128"/>
              </a:rPr>
              <a:t>KIX</a:t>
            </a:r>
            <a:r>
              <a:rPr lang="ja-JP" altLang="en-US" sz="1400" dirty="0" smtClean="0">
                <a:latin typeface="Meiryo UI" pitchFamily="50" charset="-128"/>
                <a:ea typeface="Meiryo UI" pitchFamily="50" charset="-128"/>
                <a:cs typeface="Meiryo UI" pitchFamily="50" charset="-128"/>
              </a:rPr>
              <a:t>水素グリッド</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イメージ図）</a:t>
            </a:r>
            <a:endParaRPr lang="ja-JP" altLang="en-US" sz="1400" dirty="0">
              <a:latin typeface="Meiryo UI" pitchFamily="50" charset="-128"/>
              <a:ea typeface="Meiryo UI" pitchFamily="50" charset="-128"/>
              <a:cs typeface="Meiryo UI" pitchFamily="50" charset="-128"/>
            </a:endParaRPr>
          </a:p>
        </p:txBody>
      </p:sp>
      <p:pic>
        <p:nvPicPr>
          <p:cNvPr id="16"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車両用</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水素</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供給施設</a:t>
            </a:r>
          </a:p>
        </p:txBody>
      </p:sp>
    </p:spTree>
    <p:extLst>
      <p:ext uri="{BB962C8B-B14F-4D97-AF65-F5344CB8AC3E}">
        <p14:creationId xmlns:p14="http://schemas.microsoft.com/office/powerpoint/2010/main" val="2070895309"/>
      </p:ext>
    </p:extLst>
  </p:cSld>
  <p:clrMapOvr>
    <a:masterClrMapping/>
  </p:clrMapOvr>
  <p:timing>
    <p:tnLst>
      <p:par>
        <p:cTn id="1" dur="indefinite" restart="never" nodeType="tmRoot"/>
      </p:par>
    </p:tnLst>
  </p:timing>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154311974"/>
              </p:ext>
            </p:extLst>
          </p:nvPr>
        </p:nvGraphicFramePr>
        <p:xfrm>
          <a:off x="4800002" y="2492896"/>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p>
                  </a:txBody>
                  <a:tcPr/>
                </a:tc>
                <a:extLst>
                  <a:ext uri="{0D108BD9-81ED-4DB2-BD59-A6C34878D82A}">
                    <a16:rowId xmlns:a16="http://schemas.microsoft.com/office/drawing/2014/main" val="10001"/>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a:tc>
                <a:extLst>
                  <a:ext uri="{0D108BD9-81ED-4DB2-BD59-A6C34878D82A}">
                    <a16:rowId xmlns:a16="http://schemas.microsoft.com/office/drawing/2014/main" val="10003"/>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ヘルシンキ</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3740144025"/>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8737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a:tc>
                <a:extLst>
                  <a:ext uri="{0D108BD9-81ED-4DB2-BD59-A6C34878D82A}">
                    <a16:rowId xmlns:a16="http://schemas.microsoft.com/office/drawing/2014/main" val="10007"/>
                  </a:ext>
                </a:extLst>
              </a:tr>
              <a:tr h="387377">
                <a:tc>
                  <a:txBody>
                    <a:bodyPr/>
                    <a:lstStyle/>
                    <a:p>
                      <a:r>
                        <a:rPr kumimoji="1" lang="en-US" altLang="ja-JP" sz="14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kumimoji="1" lang="ja-JP" altLang="en-US" sz="14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p>
                  </a:txBody>
                  <a:tcPr/>
                </a:tc>
                <a:extLst>
                  <a:ext uri="{0D108BD9-81ED-4DB2-BD59-A6C34878D82A}">
                    <a16:rowId xmlns:a16="http://schemas.microsoft.com/office/drawing/2014/main" val="10008"/>
                  </a:ext>
                </a:extLst>
              </a:tr>
            </a:tbl>
          </a:graphicData>
        </a:graphic>
      </p:graphicFrame>
      <p:sp>
        <p:nvSpPr>
          <p:cNvPr id="20" name="正方形/長方形 10"/>
          <p:cNvSpPr>
            <a:spLocks noChangeArrowheads="1"/>
          </p:cNvSpPr>
          <p:nvPr/>
        </p:nvSpPr>
        <p:spPr bwMode="auto">
          <a:xfrm>
            <a:off x="72009" y="48054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緑化の現状</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面積が他の都道府県と比べて低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ま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の緑被状況も世界主要都市と比較して低水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留ま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48</a:t>
            </a:fld>
            <a:endParaRPr lang="ja-JP" altLang="en-US" b="1" dirty="0"/>
          </a:p>
        </p:txBody>
      </p:sp>
      <p:sp>
        <p:nvSpPr>
          <p:cNvPr id="3" name="テキスト ボックス 2"/>
          <p:cNvSpPr txBox="1"/>
          <p:nvPr/>
        </p:nvSpPr>
        <p:spPr>
          <a:xfrm>
            <a:off x="35496" y="2375302"/>
            <a:ext cx="970794"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752528" y="6021288"/>
            <a:ext cx="3203848" cy="415498"/>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ルシンキ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から追加のため</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順位なし</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3492408110"/>
              </p:ext>
            </p:extLst>
          </p:nvPr>
        </p:nvGraphicFramePr>
        <p:xfrm>
          <a:off x="253132" y="2587600"/>
          <a:ext cx="4305300" cy="35052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5709953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グラフ 9"/>
          <p:cNvGraphicFramePr>
            <a:graphicFrameLocks/>
          </p:cNvGraphicFramePr>
          <p:nvPr>
            <p:extLst>
              <p:ext uri="{D42A27DB-BD31-4B8C-83A1-F6EECF244321}">
                <p14:modId xmlns:p14="http://schemas.microsoft.com/office/powerpoint/2010/main" val="3661975599"/>
              </p:ext>
            </p:extLst>
          </p:nvPr>
        </p:nvGraphicFramePr>
        <p:xfrm>
          <a:off x="83303" y="2258288"/>
          <a:ext cx="8737170" cy="4599712"/>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83302" y="1124744"/>
            <a:ext cx="8928992" cy="11335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ていたが、新型コロナウイルスの影響によ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マイナス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大阪府有効求人倍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4</a:t>
            </a:fld>
            <a:endParaRPr lang="ja-JP" altLang="en-US" b="1" dirty="0"/>
          </a:p>
        </p:txBody>
      </p:sp>
      <p:sp>
        <p:nvSpPr>
          <p:cNvPr id="3" name="正方形/長方形 2"/>
          <p:cNvSpPr/>
          <p:nvPr/>
        </p:nvSpPr>
        <p:spPr>
          <a:xfrm rot="18801398">
            <a:off x="7733857" y="6202211"/>
            <a:ext cx="1215270" cy="2862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smtClean="0">
                <a:solidFill>
                  <a:srgbClr val="4D4D4D"/>
                </a:solidFill>
                <a:latin typeface="+mn-ea"/>
              </a:rPr>
              <a:t>2020</a:t>
            </a:r>
            <a:r>
              <a:rPr kumimoji="1" lang="ja-JP" altLang="en-US" sz="1000" dirty="0" smtClean="0">
                <a:solidFill>
                  <a:srgbClr val="4D4D4D"/>
                </a:solidFill>
                <a:latin typeface="+mn-ea"/>
              </a:rPr>
              <a:t>年</a:t>
            </a:r>
            <a:r>
              <a:rPr lang="en-US" altLang="ja-JP" sz="1000" dirty="0">
                <a:solidFill>
                  <a:srgbClr val="4D4D4D"/>
                </a:solidFill>
                <a:latin typeface="+mn-ea"/>
              </a:rPr>
              <a:t>10</a:t>
            </a:r>
            <a:r>
              <a:rPr kumimoji="1" lang="ja-JP" altLang="en-US" sz="1000" dirty="0" smtClean="0">
                <a:solidFill>
                  <a:srgbClr val="4D4D4D"/>
                </a:solidFill>
                <a:latin typeface="+mn-ea"/>
              </a:rPr>
              <a:t>月</a:t>
            </a:r>
            <a:endParaRPr kumimoji="1" lang="ja-JP" altLang="en-US" sz="1000" dirty="0">
              <a:solidFill>
                <a:srgbClr val="4D4D4D"/>
              </a:solidFill>
              <a:latin typeface="+mn-ea"/>
            </a:endParaRPr>
          </a:p>
        </p:txBody>
      </p:sp>
    </p:spTree>
    <p:extLst>
      <p:ext uri="{BB962C8B-B14F-4D97-AF65-F5344CB8AC3E}">
        <p14:creationId xmlns:p14="http://schemas.microsoft.com/office/powerpoint/2010/main" val="1668277799"/>
      </p:ext>
    </p:extLst>
  </p:cSld>
  <p:clrMapOvr>
    <a:masterClrMapping/>
  </p:clrMapOvr>
  <p:timing>
    <p:tnLst>
      <p:par>
        <p:cTn id="1" dur="indefinite" restart="never" nodeType="tmRoot"/>
      </p:par>
    </p:tnLst>
  </p:timing>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nvPr>
        </p:nvGraphicFramePr>
        <p:xfrm>
          <a:off x="253062" y="3459367"/>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道</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7,22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1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2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10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7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69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8,15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29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30505" y="2604125"/>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42647" y="2637044"/>
            <a:ext cx="5793849" cy="1061829"/>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た</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知見に基づく森林の土石流･流木対策</a:t>
            </a: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森林防災・減災対策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九州</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北部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や西日本豪雨</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における被災地の調査など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得られた新た</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知見を踏まえ、治山ダムの整備や、流木となり</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得</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る危険木の除去、本数調整伐などの森林整備、地域住民への防災教室を</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実施す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89757" y="427875"/>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森林環境の現状　</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49</a:t>
            </a:fld>
            <a:endParaRPr lang="ja-JP" altLang="en-US" b="1" dirty="0"/>
          </a:p>
        </p:txBody>
      </p:sp>
      <p:pic>
        <p:nvPicPr>
          <p:cNvPr id="13" name="図 15"/>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08181" y="3880802"/>
            <a:ext cx="2577956" cy="18754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正方形/長方形 16"/>
          <p:cNvSpPr/>
          <p:nvPr/>
        </p:nvSpPr>
        <p:spPr>
          <a:xfrm>
            <a:off x="3356049" y="5863996"/>
            <a:ext cx="5460176" cy="262888"/>
          </a:xfrm>
          <a:prstGeom prst="rect">
            <a:avLst/>
          </a:prstGeom>
        </p:spPr>
        <p:txBody>
          <a:bodyPr wrap="square">
            <a:spAutoFit/>
          </a:bodyPr>
          <a:lstStyle/>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治山ダムの整備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災害</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に強い森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306336" y="3880802"/>
            <a:ext cx="2486983" cy="1865237"/>
          </a:xfrm>
          <a:prstGeom prst="rect">
            <a:avLst/>
          </a:prstGeom>
        </p:spPr>
      </p:pic>
      <p:sp>
        <p:nvSpPr>
          <p:cNvPr id="14" name="正方形/長方形 13"/>
          <p:cNvSpPr/>
          <p:nvPr/>
        </p:nvSpPr>
        <p:spPr>
          <a:xfrm>
            <a:off x="107504" y="904921"/>
            <a:ext cx="8928992" cy="139142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よ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九州</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豪雨等で得られた新たな知見に基づく森林の土石流・流木対策を継続して実施する。</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4907248"/>
      </p:ext>
    </p:extLst>
  </p:cSld>
  <p:clrMapOvr>
    <a:masterClrMapping/>
  </p:clrMapOvr>
  <p:timing>
    <p:tnLst>
      <p:par>
        <p:cTn id="1" dur="indefinite" restart="never" nodeType="tmRoot"/>
      </p:par>
    </p:tnLst>
  </p:timing>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生産</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業所得</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66405857"/>
              </p:ext>
            </p:extLst>
          </p:nvPr>
        </p:nvGraphicFramePr>
        <p:xfrm>
          <a:off x="539552" y="2226523"/>
          <a:ext cx="7896653" cy="1634524"/>
        </p:xfrm>
        <a:graphic>
          <a:graphicData uri="http://schemas.openxmlformats.org/drawingml/2006/table">
            <a:tbl>
              <a:tblPr/>
              <a:tblGrid>
                <a:gridCol w="870877">
                  <a:extLst>
                    <a:ext uri="{9D8B030D-6E8A-4147-A177-3AD203B41FA5}">
                      <a16:colId xmlns:a16="http://schemas.microsoft.com/office/drawing/2014/main" val="20000"/>
                    </a:ext>
                  </a:extLst>
                </a:gridCol>
                <a:gridCol w="878222">
                  <a:extLst>
                    <a:ext uri="{9D8B030D-6E8A-4147-A177-3AD203B41FA5}">
                      <a16:colId xmlns:a16="http://schemas.microsoft.com/office/drawing/2014/main" val="20001"/>
                    </a:ext>
                  </a:extLst>
                </a:gridCol>
                <a:gridCol w="878222">
                  <a:extLst>
                    <a:ext uri="{9D8B030D-6E8A-4147-A177-3AD203B41FA5}">
                      <a16:colId xmlns:a16="http://schemas.microsoft.com/office/drawing/2014/main" val="20002"/>
                    </a:ext>
                  </a:extLst>
                </a:gridCol>
                <a:gridCol w="878222">
                  <a:extLst>
                    <a:ext uri="{9D8B030D-6E8A-4147-A177-3AD203B41FA5}">
                      <a16:colId xmlns:a16="http://schemas.microsoft.com/office/drawing/2014/main" val="20003"/>
                    </a:ext>
                  </a:extLst>
                </a:gridCol>
                <a:gridCol w="878222">
                  <a:extLst>
                    <a:ext uri="{9D8B030D-6E8A-4147-A177-3AD203B41FA5}">
                      <a16:colId xmlns:a16="http://schemas.microsoft.com/office/drawing/2014/main" val="20004"/>
                    </a:ext>
                  </a:extLst>
                </a:gridCol>
                <a:gridCol w="878222">
                  <a:extLst>
                    <a:ext uri="{9D8B030D-6E8A-4147-A177-3AD203B41FA5}">
                      <a16:colId xmlns:a16="http://schemas.microsoft.com/office/drawing/2014/main" val="20005"/>
                    </a:ext>
                  </a:extLst>
                </a:gridCol>
                <a:gridCol w="878222">
                  <a:extLst>
                    <a:ext uri="{9D8B030D-6E8A-4147-A177-3AD203B41FA5}">
                      <a16:colId xmlns:a16="http://schemas.microsoft.com/office/drawing/2014/main" val="20006"/>
                    </a:ext>
                  </a:extLst>
                </a:gridCol>
                <a:gridCol w="878222">
                  <a:extLst>
                    <a:ext uri="{9D8B030D-6E8A-4147-A177-3AD203B41FA5}">
                      <a16:colId xmlns:a16="http://schemas.microsoft.com/office/drawing/2014/main" val="20007"/>
                    </a:ext>
                  </a:extLst>
                </a:gridCol>
                <a:gridCol w="878222">
                  <a:extLst>
                    <a:ext uri="{9D8B030D-6E8A-4147-A177-3AD203B41FA5}">
                      <a16:colId xmlns:a16="http://schemas.microsoft.com/office/drawing/2014/main" val="1314595929"/>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30)</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501154"/>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としての都市農業</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は、全国的にみて東京に次いで規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成長戦略策定以降、一定の増加傾向に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っ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台風の被害等により減少。大消費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近く、付加価値の高い都市型農業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活かすため、農業者の経営能力の向上や農業でのＩｏＴ導入の検討等を進め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150</a:t>
            </a:fld>
            <a:endParaRPr lang="ja-JP" altLang="en-US" b="1" dirty="0"/>
          </a:p>
        </p:txBody>
      </p:sp>
      <p:sp>
        <p:nvSpPr>
          <p:cNvPr id="5" name="正方形/長方形 4"/>
          <p:cNvSpPr/>
          <p:nvPr/>
        </p:nvSpPr>
        <p:spPr>
          <a:xfrm>
            <a:off x="323527" y="3972929"/>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ビジネススクー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グリアカデミア」</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67544" y="4244351"/>
            <a:ext cx="3711261" cy="577081"/>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ビジネスマインドの醸成から、最先端の技術、販売戦略まで、トップレベルの能力を習得するための農業ビジネススクールを開設し、経営感覚に優れた農業者を育成して農業の成長産業化を推進。</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701975" y="4214790"/>
            <a:ext cx="3600400" cy="451406"/>
          </a:xfrm>
          <a:prstGeom prst="rect">
            <a:avLst/>
          </a:prstGeom>
        </p:spPr>
        <p:txBody>
          <a:bodyPr wrap="square">
            <a:spAutoFit/>
          </a:bodyPr>
          <a:lstStyle/>
          <a:p>
            <a:pPr>
              <a:lnSpc>
                <a:spcPts val="14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生産コスト削減、</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省力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高品質化</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a:extLst>
                <a:ext uri="{28A0092B-C50C-407E-A947-70E740481C1C}">
                  <a14:useLocalDpi xmlns:a14="http://schemas.microsoft.com/office/drawing/2010/main" val="0"/>
                </a:ext>
              </a:extLst>
            </a:blip>
            <a:srcRect r="25345"/>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l="45354" t="47121" r="35728" b="32716"/>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54488" b="7959"/>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局所施用</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026" name="Picture 2" descr="D:\FujiwaraRy\Desktop\新しいフォルダー\アカデミア講義風景２.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51769" y="4880994"/>
            <a:ext cx="2396096" cy="17970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7854819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167947" y="961858"/>
            <a:ext cx="8709323" cy="124637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1</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a:t>
            </a: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飛躍的な増加傾向が続いてい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大阪北部地震や台風</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の災害に見舞われたものの、外国人旅行者は年間を通じて増加ペースが続いた。</a:t>
            </a: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844248"/>
            <a:ext cx="8928992" cy="1454858"/>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5</a:t>
            </a:fld>
            <a:endParaRPr lang="ja-JP" altLang="en-US" b="1" dirty="0"/>
          </a:p>
        </p:txBody>
      </p:sp>
      <p:sp>
        <p:nvSpPr>
          <p:cNvPr id="9" name="正方形/長方形 8"/>
          <p:cNvSpPr/>
          <p:nvPr/>
        </p:nvSpPr>
        <p:spPr>
          <a:xfrm>
            <a:off x="278866" y="4005064"/>
            <a:ext cx="7847857"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訪日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客統計</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観光庁「訪日外国人 消費動向調査」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90946" y="4352448"/>
            <a:ext cx="6621091" cy="246221"/>
          </a:xfrm>
          <a:prstGeom prst="rect">
            <a:avLst/>
          </a:prstGeom>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訪日外国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行者</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860032" y="3933056"/>
            <a:ext cx="402072" cy="215444"/>
          </a:xfrm>
          <a:prstGeom prst="rect">
            <a:avLst/>
          </a:prstGeom>
        </p:spPr>
        <p:txBody>
          <a:bodyPr wrap="square">
            <a:spAutoFit/>
          </a:bodyPr>
          <a:lstStyle/>
          <a:p>
            <a:pPr marL="177800" indent="-177800"/>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499608663"/>
              </p:ext>
            </p:extLst>
          </p:nvPr>
        </p:nvGraphicFramePr>
        <p:xfrm>
          <a:off x="107504" y="2643785"/>
          <a:ext cx="8928003" cy="1270401"/>
        </p:xfrm>
        <a:graphic>
          <a:graphicData uri="http://schemas.openxmlformats.org/drawingml/2006/table">
            <a:tbl>
              <a:tblPr firstRow="1" bandRow="1">
                <a:tableStyleId>{5940675A-B579-460E-94D1-54222C63F5DA}</a:tableStyleId>
              </a:tblPr>
              <a:tblGrid>
                <a:gridCol w="1125387">
                  <a:extLst>
                    <a:ext uri="{9D8B030D-6E8A-4147-A177-3AD203B41FA5}">
                      <a16:colId xmlns:a16="http://schemas.microsoft.com/office/drawing/2014/main" val="20000"/>
                    </a:ext>
                  </a:extLst>
                </a:gridCol>
                <a:gridCol w="878088">
                  <a:extLst>
                    <a:ext uri="{9D8B030D-6E8A-4147-A177-3AD203B41FA5}">
                      <a16:colId xmlns:a16="http://schemas.microsoft.com/office/drawing/2014/main" val="20001"/>
                    </a:ext>
                  </a:extLst>
                </a:gridCol>
                <a:gridCol w="769392">
                  <a:extLst>
                    <a:ext uri="{9D8B030D-6E8A-4147-A177-3AD203B41FA5}">
                      <a16:colId xmlns:a16="http://schemas.microsoft.com/office/drawing/2014/main" val="20002"/>
                    </a:ext>
                  </a:extLst>
                </a:gridCol>
                <a:gridCol w="769392">
                  <a:extLst>
                    <a:ext uri="{9D8B030D-6E8A-4147-A177-3AD203B41FA5}">
                      <a16:colId xmlns:a16="http://schemas.microsoft.com/office/drawing/2014/main" val="20003"/>
                    </a:ext>
                  </a:extLst>
                </a:gridCol>
                <a:gridCol w="769392">
                  <a:extLst>
                    <a:ext uri="{9D8B030D-6E8A-4147-A177-3AD203B41FA5}">
                      <a16:colId xmlns:a16="http://schemas.microsoft.com/office/drawing/2014/main" val="20004"/>
                    </a:ext>
                  </a:extLst>
                </a:gridCol>
                <a:gridCol w="769392">
                  <a:extLst>
                    <a:ext uri="{9D8B030D-6E8A-4147-A177-3AD203B41FA5}">
                      <a16:colId xmlns:a16="http://schemas.microsoft.com/office/drawing/2014/main" val="20005"/>
                    </a:ext>
                  </a:extLst>
                </a:gridCol>
                <a:gridCol w="769392">
                  <a:extLst>
                    <a:ext uri="{9D8B030D-6E8A-4147-A177-3AD203B41FA5}">
                      <a16:colId xmlns:a16="http://schemas.microsoft.com/office/drawing/2014/main" val="20006"/>
                    </a:ext>
                  </a:extLst>
                </a:gridCol>
                <a:gridCol w="769392">
                  <a:extLst>
                    <a:ext uri="{9D8B030D-6E8A-4147-A177-3AD203B41FA5}">
                      <a16:colId xmlns:a16="http://schemas.microsoft.com/office/drawing/2014/main" val="20007"/>
                    </a:ext>
                  </a:extLst>
                </a:gridCol>
                <a:gridCol w="769392">
                  <a:extLst>
                    <a:ext uri="{9D8B030D-6E8A-4147-A177-3AD203B41FA5}">
                      <a16:colId xmlns:a16="http://schemas.microsoft.com/office/drawing/2014/main" val="20008"/>
                    </a:ext>
                  </a:extLst>
                </a:gridCol>
                <a:gridCol w="769392">
                  <a:extLst>
                    <a:ext uri="{9D8B030D-6E8A-4147-A177-3AD203B41FA5}">
                      <a16:colId xmlns:a16="http://schemas.microsoft.com/office/drawing/2014/main" val="268993164"/>
                    </a:ext>
                  </a:extLst>
                </a:gridCol>
                <a:gridCol w="769392">
                  <a:extLst>
                    <a:ext uri="{9D8B030D-6E8A-4147-A177-3AD203B41FA5}">
                      <a16:colId xmlns:a16="http://schemas.microsoft.com/office/drawing/2014/main" val="400734810"/>
                    </a:ext>
                  </a:extLst>
                </a:gridCol>
              </a:tblGrid>
              <a:tr h="636457">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33944">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kumimoji="1" lang="ja-JP" altLang="en-US"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kumimoji="1" lang="ja-JP" altLang="en-US"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a:t>
                      </a:r>
                      <a:r>
                        <a:rPr kumimoji="1" lang="ja-JP" altLang="en-US"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1</a:t>
                      </a:r>
                      <a:r>
                        <a:rPr kumimoji="1" lang="ja-JP" altLang="en-US"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30282299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7" name="グラフ 26"/>
          <p:cNvGraphicFramePr>
            <a:graphicFrameLocks/>
          </p:cNvGraphicFramePr>
          <p:nvPr>
            <p:extLst>
              <p:ext uri="{D42A27DB-BD31-4B8C-83A1-F6EECF244321}">
                <p14:modId xmlns:p14="http://schemas.microsoft.com/office/powerpoint/2010/main" val="4133444796"/>
              </p:ext>
            </p:extLst>
          </p:nvPr>
        </p:nvGraphicFramePr>
        <p:xfrm>
          <a:off x="4810786" y="2557668"/>
          <a:ext cx="4278018" cy="398838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extLst>
              <p:ext uri="{D42A27DB-BD31-4B8C-83A1-F6EECF244321}">
                <p14:modId xmlns:p14="http://schemas.microsoft.com/office/powerpoint/2010/main" val="912452858"/>
              </p:ext>
            </p:extLst>
          </p:nvPr>
        </p:nvGraphicFramePr>
        <p:xfrm>
          <a:off x="21629" y="2602863"/>
          <a:ext cx="4324351" cy="2004118"/>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p:cNvSpPr txBox="1"/>
          <p:nvPr/>
        </p:nvSpPr>
        <p:spPr>
          <a:xfrm>
            <a:off x="35496" y="6464411"/>
            <a:ext cx="691276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506289"/>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1629" y="2370285"/>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44624"/>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4686885" y="2323245"/>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09678" y="6505793"/>
            <a:ext cx="2133600" cy="365125"/>
          </a:xfrm>
        </p:spPr>
        <p:txBody>
          <a:bodyPr/>
          <a:lstStyle/>
          <a:p>
            <a:pPr>
              <a:defRPr/>
            </a:pPr>
            <a:fld id="{4AC9B83D-17C3-4F2E-B0BA-D155CD364A7C}" type="slidenum">
              <a:rPr lang="ja-JP" altLang="en-US" b="1" smtClean="0"/>
              <a:pPr>
                <a:defRPr/>
              </a:pPr>
              <a:t>16</a:t>
            </a:fld>
            <a:endParaRPr lang="ja-JP" altLang="en-US" b="1" dirty="0"/>
          </a:p>
        </p:txBody>
      </p:sp>
      <p:sp>
        <p:nvSpPr>
          <p:cNvPr id="15" name="テキスト ボックス 14"/>
          <p:cNvSpPr txBox="1"/>
          <p:nvPr/>
        </p:nvSpPr>
        <p:spPr>
          <a:xfrm>
            <a:off x="35352" y="6625480"/>
            <a:ext cx="910864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rPr>
              <a:t>、乗員、１年以上の滞在者等を除く日本を出国する訪日外国人</a:t>
            </a:r>
            <a:r>
              <a:rPr lang="ja-JP" altLang="en-US" sz="1000" dirty="0" smtClean="0">
                <a:latin typeface="Meiryo UI" panose="020B0604030504040204" pitchFamily="50" charset="-128"/>
                <a:ea typeface="Meiryo UI" panose="020B0604030504040204" pitchFamily="50" charset="-128"/>
              </a:rPr>
              <a:t>旅行者）</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10293" y="531788"/>
            <a:ext cx="9033707"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訪日外客統計」及び観光庁</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外国人</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消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動向</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調査</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88900" y="1052352"/>
            <a:ext cx="8784976" cy="12952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アメリカが増加基調にある一方、韓国や台湾、香港は一服感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福岡が減少傾向にある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加傾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大阪は、一服感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0" y="4539177"/>
            <a:ext cx="182974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1"/>
          <p:cNvSpPr txBox="1"/>
          <p:nvPr/>
        </p:nvSpPr>
        <p:spPr>
          <a:xfrm>
            <a:off x="44522" y="2703243"/>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smtClean="0"/>
              <a:t>(</a:t>
            </a:r>
            <a:r>
              <a:rPr lang="ja-JP" altLang="en-US" sz="900" dirty="0"/>
              <a:t>千</a:t>
            </a:r>
            <a:r>
              <a:rPr lang="ja-JP" altLang="en-US" sz="900" dirty="0" smtClean="0"/>
              <a:t>人</a:t>
            </a:r>
            <a:r>
              <a:rPr lang="en-US" altLang="ja-JP" sz="900" dirty="0"/>
              <a:t>)</a:t>
            </a:r>
            <a:endParaRPr lang="ja-JP" altLang="en-US" sz="900" dirty="0"/>
          </a:p>
        </p:txBody>
      </p:sp>
      <p:graphicFrame>
        <p:nvGraphicFramePr>
          <p:cNvPr id="26" name="グラフ 25"/>
          <p:cNvGraphicFramePr>
            <a:graphicFrameLocks/>
          </p:cNvGraphicFramePr>
          <p:nvPr>
            <p:extLst>
              <p:ext uri="{D42A27DB-BD31-4B8C-83A1-F6EECF244321}">
                <p14:modId xmlns:p14="http://schemas.microsoft.com/office/powerpoint/2010/main" val="1842701437"/>
              </p:ext>
            </p:extLst>
          </p:nvPr>
        </p:nvGraphicFramePr>
        <p:xfrm>
          <a:off x="35352" y="4603252"/>
          <a:ext cx="4462129" cy="1984269"/>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319054761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8697" y="580039"/>
            <a:ext cx="8906035"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420888"/>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入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統計表」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251520" y="44624"/>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7</a:t>
            </a:fld>
            <a:endParaRPr lang="ja-JP" altLang="en-US" b="1" dirty="0"/>
          </a:p>
        </p:txBody>
      </p:sp>
      <p:sp>
        <p:nvSpPr>
          <p:cNvPr id="33" name="正方形/長方形 32"/>
          <p:cNvSpPr/>
          <p:nvPr/>
        </p:nvSpPr>
        <p:spPr>
          <a:xfrm>
            <a:off x="71500" y="933981"/>
            <a:ext cx="8928992" cy="150904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の影響を受ける前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国際空港での外国人入国者数が、アジアを中心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最高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記録。</a:t>
            </a: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中国・東南アジア方面をはじめとする新規路線の就航や増便等が考えられる。特に、国際線</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計画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数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新型コロナウイルス感染症拡大の影響により、</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関西国際空港は国際線を中心に減便、運休が続いており、外国人入国者数も大幅に減少し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757663"/>
            <a:ext cx="8856984"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DAY</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3.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5496" y="2728666"/>
            <a:ext cx="720080" cy="2682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万人）</a:t>
            </a:r>
            <a:endParaRPr kumimoji="1" lang="ja-JP" altLang="en-US" sz="1000" dirty="0">
              <a:solidFill>
                <a:schemeClr val="tx1"/>
              </a:solidFill>
            </a:endParaRPr>
          </a:p>
        </p:txBody>
      </p:sp>
      <p:graphicFrame>
        <p:nvGraphicFramePr>
          <p:cNvPr id="12" name="グラフ 11"/>
          <p:cNvGraphicFramePr>
            <a:graphicFrameLocks/>
          </p:cNvGraphicFramePr>
          <p:nvPr>
            <p:extLst>
              <p:ext uri="{D42A27DB-BD31-4B8C-83A1-F6EECF244321}">
                <p14:modId xmlns:p14="http://schemas.microsoft.com/office/powerpoint/2010/main" val="1299498352"/>
              </p:ext>
            </p:extLst>
          </p:nvPr>
        </p:nvGraphicFramePr>
        <p:xfrm>
          <a:off x="0" y="4973687"/>
          <a:ext cx="9036496" cy="191558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ext uri="{D42A27DB-BD31-4B8C-83A1-F6EECF244321}">
                <p14:modId xmlns:p14="http://schemas.microsoft.com/office/powerpoint/2010/main" val="1956159333"/>
              </p:ext>
            </p:extLst>
          </p:nvPr>
        </p:nvGraphicFramePr>
        <p:xfrm>
          <a:off x="107504" y="2863320"/>
          <a:ext cx="8712968" cy="195530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43700292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4"/>
          <p:cNvSpPr>
            <a:spLocks noChangeArrowheads="1"/>
          </p:cNvSpPr>
          <p:nvPr/>
        </p:nvSpPr>
        <p:spPr bwMode="auto">
          <a:xfrm>
            <a:off x="284249" y="4396495"/>
            <a:ext cx="829237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952481357"/>
              </p:ext>
            </p:extLst>
          </p:nvPr>
        </p:nvGraphicFramePr>
        <p:xfrm>
          <a:off x="107507" y="2450764"/>
          <a:ext cx="8927995" cy="1930778"/>
        </p:xfrm>
        <a:graphic>
          <a:graphicData uri="http://schemas.openxmlformats.org/drawingml/2006/table">
            <a:tbl>
              <a:tblPr firstRow="1" bandRow="1">
                <a:tableStyleId>{5940675A-B579-460E-94D1-54222C63F5DA}</a:tableStyleId>
              </a:tblPr>
              <a:tblGrid>
                <a:gridCol w="1662315">
                  <a:extLst>
                    <a:ext uri="{9D8B030D-6E8A-4147-A177-3AD203B41FA5}">
                      <a16:colId xmlns:a16="http://schemas.microsoft.com/office/drawing/2014/main" val="20000"/>
                    </a:ext>
                  </a:extLst>
                </a:gridCol>
                <a:gridCol w="726568">
                  <a:extLst>
                    <a:ext uri="{9D8B030D-6E8A-4147-A177-3AD203B41FA5}">
                      <a16:colId xmlns:a16="http://schemas.microsoft.com/office/drawing/2014/main" val="20001"/>
                    </a:ext>
                  </a:extLst>
                </a:gridCol>
                <a:gridCol w="726568">
                  <a:extLst>
                    <a:ext uri="{9D8B030D-6E8A-4147-A177-3AD203B41FA5}">
                      <a16:colId xmlns:a16="http://schemas.microsoft.com/office/drawing/2014/main" val="20002"/>
                    </a:ext>
                  </a:extLst>
                </a:gridCol>
                <a:gridCol w="726568">
                  <a:extLst>
                    <a:ext uri="{9D8B030D-6E8A-4147-A177-3AD203B41FA5}">
                      <a16:colId xmlns:a16="http://schemas.microsoft.com/office/drawing/2014/main" val="20003"/>
                    </a:ext>
                  </a:extLst>
                </a:gridCol>
                <a:gridCol w="726568">
                  <a:extLst>
                    <a:ext uri="{9D8B030D-6E8A-4147-A177-3AD203B41FA5}">
                      <a16:colId xmlns:a16="http://schemas.microsoft.com/office/drawing/2014/main" val="20004"/>
                    </a:ext>
                  </a:extLst>
                </a:gridCol>
                <a:gridCol w="726568">
                  <a:extLst>
                    <a:ext uri="{9D8B030D-6E8A-4147-A177-3AD203B41FA5}">
                      <a16:colId xmlns:a16="http://schemas.microsoft.com/office/drawing/2014/main" val="20005"/>
                    </a:ext>
                  </a:extLst>
                </a:gridCol>
                <a:gridCol w="726568">
                  <a:extLst>
                    <a:ext uri="{9D8B030D-6E8A-4147-A177-3AD203B41FA5}">
                      <a16:colId xmlns:a16="http://schemas.microsoft.com/office/drawing/2014/main" val="20006"/>
                    </a:ext>
                  </a:extLst>
                </a:gridCol>
                <a:gridCol w="726568">
                  <a:extLst>
                    <a:ext uri="{9D8B030D-6E8A-4147-A177-3AD203B41FA5}">
                      <a16:colId xmlns:a16="http://schemas.microsoft.com/office/drawing/2014/main" val="20007"/>
                    </a:ext>
                  </a:extLst>
                </a:gridCol>
                <a:gridCol w="726568">
                  <a:extLst>
                    <a:ext uri="{9D8B030D-6E8A-4147-A177-3AD203B41FA5}">
                      <a16:colId xmlns:a16="http://schemas.microsoft.com/office/drawing/2014/main" val="20008"/>
                    </a:ext>
                  </a:extLst>
                </a:gridCol>
                <a:gridCol w="726568">
                  <a:extLst>
                    <a:ext uri="{9D8B030D-6E8A-4147-A177-3AD203B41FA5}">
                      <a16:colId xmlns:a16="http://schemas.microsoft.com/office/drawing/2014/main" val="1332414149"/>
                    </a:ext>
                  </a:extLst>
                </a:gridCol>
                <a:gridCol w="726568">
                  <a:extLst>
                    <a:ext uri="{9D8B030D-6E8A-4147-A177-3AD203B41FA5}">
                      <a16:colId xmlns:a16="http://schemas.microsoft.com/office/drawing/2014/main" val="3550049476"/>
                    </a:ext>
                  </a:extLst>
                </a:gridCol>
              </a:tblGrid>
              <a:tr h="577751">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0139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75163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252127323"/>
              </p:ext>
            </p:extLst>
          </p:nvPr>
        </p:nvGraphicFramePr>
        <p:xfrm>
          <a:off x="107508" y="4821312"/>
          <a:ext cx="8927998" cy="1786705"/>
        </p:xfrm>
        <a:graphic>
          <a:graphicData uri="http://schemas.openxmlformats.org/drawingml/2006/table">
            <a:tbl>
              <a:tblPr firstRow="1" bandRow="1">
                <a:tableStyleId>{5C22544A-7EE6-4342-B048-85BDC9FD1C3A}</a:tableStyleId>
              </a:tblPr>
              <a:tblGrid>
                <a:gridCol w="648068">
                  <a:extLst>
                    <a:ext uri="{9D8B030D-6E8A-4147-A177-3AD203B41FA5}">
                      <a16:colId xmlns:a16="http://schemas.microsoft.com/office/drawing/2014/main" val="20000"/>
                    </a:ext>
                  </a:extLst>
                </a:gridCol>
                <a:gridCol w="827993">
                  <a:extLst>
                    <a:ext uri="{9D8B030D-6E8A-4147-A177-3AD203B41FA5}">
                      <a16:colId xmlns:a16="http://schemas.microsoft.com/office/drawing/2014/main" val="20001"/>
                    </a:ext>
                  </a:extLst>
                </a:gridCol>
                <a:gridCol w="827993">
                  <a:extLst>
                    <a:ext uri="{9D8B030D-6E8A-4147-A177-3AD203B41FA5}">
                      <a16:colId xmlns:a16="http://schemas.microsoft.com/office/drawing/2014/main" val="20002"/>
                    </a:ext>
                  </a:extLst>
                </a:gridCol>
                <a:gridCol w="827993">
                  <a:extLst>
                    <a:ext uri="{9D8B030D-6E8A-4147-A177-3AD203B41FA5}">
                      <a16:colId xmlns:a16="http://schemas.microsoft.com/office/drawing/2014/main" val="20003"/>
                    </a:ext>
                  </a:extLst>
                </a:gridCol>
                <a:gridCol w="827993">
                  <a:extLst>
                    <a:ext uri="{9D8B030D-6E8A-4147-A177-3AD203B41FA5}">
                      <a16:colId xmlns:a16="http://schemas.microsoft.com/office/drawing/2014/main" val="20004"/>
                    </a:ext>
                  </a:extLst>
                </a:gridCol>
                <a:gridCol w="827993">
                  <a:extLst>
                    <a:ext uri="{9D8B030D-6E8A-4147-A177-3AD203B41FA5}">
                      <a16:colId xmlns:a16="http://schemas.microsoft.com/office/drawing/2014/main" val="20005"/>
                    </a:ext>
                  </a:extLst>
                </a:gridCol>
                <a:gridCol w="827993">
                  <a:extLst>
                    <a:ext uri="{9D8B030D-6E8A-4147-A177-3AD203B41FA5}">
                      <a16:colId xmlns:a16="http://schemas.microsoft.com/office/drawing/2014/main" val="20006"/>
                    </a:ext>
                  </a:extLst>
                </a:gridCol>
                <a:gridCol w="827993">
                  <a:extLst>
                    <a:ext uri="{9D8B030D-6E8A-4147-A177-3AD203B41FA5}">
                      <a16:colId xmlns:a16="http://schemas.microsoft.com/office/drawing/2014/main" val="20007"/>
                    </a:ext>
                  </a:extLst>
                </a:gridCol>
                <a:gridCol w="827993">
                  <a:extLst>
                    <a:ext uri="{9D8B030D-6E8A-4147-A177-3AD203B41FA5}">
                      <a16:colId xmlns:a16="http://schemas.microsoft.com/office/drawing/2014/main" val="20008"/>
                    </a:ext>
                  </a:extLst>
                </a:gridCol>
                <a:gridCol w="827993">
                  <a:extLst>
                    <a:ext uri="{9D8B030D-6E8A-4147-A177-3AD203B41FA5}">
                      <a16:colId xmlns:a16="http://schemas.microsoft.com/office/drawing/2014/main" val="3778454372"/>
                    </a:ext>
                  </a:extLst>
                </a:gridCol>
                <a:gridCol w="827993">
                  <a:extLst>
                    <a:ext uri="{9D8B030D-6E8A-4147-A177-3AD203B41FA5}">
                      <a16:colId xmlns:a16="http://schemas.microsoft.com/office/drawing/2014/main" val="932197975"/>
                    </a:ext>
                  </a:extLst>
                </a:gridCol>
              </a:tblGrid>
              <a:tr h="69988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52251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8</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7</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564309">
                <a:tc>
                  <a:txBody>
                    <a:bodyP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4</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3" name="正方形/長方形 12"/>
          <p:cNvSpPr/>
          <p:nvPr/>
        </p:nvSpPr>
        <p:spPr>
          <a:xfrm>
            <a:off x="321432" y="753961"/>
            <a:ext cx="8352928" cy="1686306"/>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西国際空港の貨物取扱量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で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減少。近年は、より高額な貨物が増加する一方で、取扱量全体で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をピークに減少傾向にあ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貨物取扱個数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横ばい。港湾貨物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落ち込んだものの、近年は増加傾向。</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13420" y="7169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13420" y="212924"/>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9404" y="868532"/>
            <a:ext cx="8928992" cy="1432624"/>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a:xfrm>
            <a:off x="7032972" y="6511528"/>
            <a:ext cx="2133600" cy="365125"/>
          </a:xfrm>
        </p:spPr>
        <p:txBody>
          <a:bodyPr/>
          <a:lstStyle/>
          <a:p>
            <a:pPr>
              <a:defRPr/>
            </a:pPr>
            <a:fld id="{4AC9B83D-17C3-4F2E-B0BA-D155CD364A7C}" type="slidenum">
              <a:rPr lang="ja-JP" altLang="en-US" b="1" smtClean="0"/>
              <a:pPr>
                <a:defRPr/>
              </a:pPr>
              <a:t>18</a:t>
            </a:fld>
            <a:endParaRPr lang="ja-JP" altLang="en-US" b="1" dirty="0"/>
          </a:p>
        </p:txBody>
      </p:sp>
      <p:sp>
        <p:nvSpPr>
          <p:cNvPr id="16" name="正方形/長方形 4"/>
          <p:cNvSpPr>
            <a:spLocks noChangeArrowheads="1"/>
          </p:cNvSpPr>
          <p:nvPr/>
        </p:nvSpPr>
        <p:spPr bwMode="auto">
          <a:xfrm>
            <a:off x="213419" y="6608017"/>
            <a:ext cx="829237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関西エアポート株式会社「数字で見る関西空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神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税関「貿易統計」、国土交通省「港湾調査」</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3819006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3438824720"/>
              </p:ext>
            </p:extLst>
          </p:nvPr>
        </p:nvGraphicFramePr>
        <p:xfrm>
          <a:off x="179512" y="967849"/>
          <a:ext cx="8784976" cy="4708065"/>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成長目標の</a:t>
                      </a:r>
                      <a:r>
                        <a:rPr lang="ja-JP" altLang="en-US" sz="18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達成</a:t>
                      </a:r>
                      <a:r>
                        <a:rPr lang="ja-JP" altLang="en-US" sz="180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１．成長目標</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成長率」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２．成長目標 「雇用創出」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２</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３．成長目標 「来阪外国人旅行者数」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４．成長目標 「貨物取扱量」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のための５つの源泉ごとの状況</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外の集客力強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２</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減少・少子高齢化に対応した人材力強化・活躍の場づくり・・・・・・・・・・・・・</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０</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みを活かす産業・技術の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７</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活用・・・・・・・・・・・・・・・・・・・・・・</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再生・・・・・・・・・・・・・・・・・・・・・・・・・・・・・・・・・・・・・・・・・・・・・・・・・・・・・・</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３４</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169094953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グラフ 10"/>
          <p:cNvGraphicFramePr>
            <a:graphicFrameLocks/>
          </p:cNvGraphicFramePr>
          <p:nvPr>
            <p:extLst>
              <p:ext uri="{D42A27DB-BD31-4B8C-83A1-F6EECF244321}">
                <p14:modId xmlns:p14="http://schemas.microsoft.com/office/powerpoint/2010/main" val="1748591291"/>
              </p:ext>
            </p:extLst>
          </p:nvPr>
        </p:nvGraphicFramePr>
        <p:xfrm>
          <a:off x="0" y="1996392"/>
          <a:ext cx="9071987" cy="4826381"/>
        </p:xfrm>
        <a:graphic>
          <a:graphicData uri="http://schemas.openxmlformats.org/drawingml/2006/chart">
            <c:chart xmlns:c="http://schemas.openxmlformats.org/drawingml/2006/chart" xmlns:r="http://schemas.openxmlformats.org/officeDocument/2006/relationships" r:id="rId3"/>
          </a:graphicData>
        </a:graphic>
      </p:graphicFrame>
      <p:sp>
        <p:nvSpPr>
          <p:cNvPr id="6" name="正方形/長方形 5"/>
          <p:cNvSpPr/>
          <p:nvPr/>
        </p:nvSpPr>
        <p:spPr>
          <a:xfrm>
            <a:off x="251520" y="764704"/>
            <a:ext cx="6264696"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輸出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34036"/>
            <a:ext cx="8928992" cy="8124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の影響により大幅にマイナスとな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初からは、新型コロナウイルス感染拡大の影響により落ち込み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られた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は回復傾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9</a:t>
            </a:fld>
            <a:endParaRPr lang="ja-JP" altLang="en-US" dirty="0"/>
          </a:p>
        </p:txBody>
      </p:sp>
      <p:sp>
        <p:nvSpPr>
          <p:cNvPr id="16" name="テキスト ボックス 3"/>
          <p:cNvSpPr txBox="1"/>
          <p:nvPr/>
        </p:nvSpPr>
        <p:spPr>
          <a:xfrm>
            <a:off x="8283101" y="1996392"/>
            <a:ext cx="788886"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円</a:t>
            </a:r>
            <a:r>
              <a:rPr kumimoji="1"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ドル）</a:t>
            </a:r>
            <a:endParaRPr kumimoji="1" lang="ja-JP" altLang="en-US" sz="1000" dirty="0">
              <a:latin typeface="+mn-ea"/>
              <a:cs typeface="Meiryo UI" panose="020B0604030504040204" pitchFamily="50" charset="-128"/>
            </a:endParaRPr>
          </a:p>
        </p:txBody>
      </p:sp>
      <p:sp>
        <p:nvSpPr>
          <p:cNvPr id="20" name="テキスト ボックス 19"/>
          <p:cNvSpPr txBox="1"/>
          <p:nvPr/>
        </p:nvSpPr>
        <p:spPr>
          <a:xfrm>
            <a:off x="107504" y="2037426"/>
            <a:ext cx="1183121" cy="255129"/>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a:t>
            </a:r>
            <a:r>
              <a:rPr lang="ja-JP" altLang="en-US" sz="1000" dirty="0" smtClean="0">
                <a:latin typeface="+mn-ea"/>
                <a:cs typeface="Meiryo UI" panose="020B0604030504040204" pitchFamily="50" charset="-128"/>
              </a:rPr>
              <a:t>前年同月比、</a:t>
            </a:r>
            <a:r>
              <a:rPr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a:t>
            </a:r>
            <a:endParaRPr kumimoji="1" lang="ja-JP" altLang="en-US" sz="1000" dirty="0">
              <a:latin typeface="+mn-ea"/>
              <a:cs typeface="Meiryo UI" panose="020B0604030504040204" pitchFamily="50" charset="-128"/>
            </a:endParaRPr>
          </a:p>
        </p:txBody>
      </p:sp>
      <p:sp>
        <p:nvSpPr>
          <p:cNvPr id="2" name="正方形/長方形 1"/>
          <p:cNvSpPr/>
          <p:nvPr/>
        </p:nvSpPr>
        <p:spPr>
          <a:xfrm rot="18914265">
            <a:off x="7842437" y="6316306"/>
            <a:ext cx="1023422" cy="17091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smtClean="0">
                <a:solidFill>
                  <a:schemeClr val="tx1"/>
                </a:solidFill>
                <a:latin typeface="+mn-ea"/>
              </a:rPr>
              <a:t>2020</a:t>
            </a:r>
            <a:r>
              <a:rPr kumimoji="1" lang="ja-JP" altLang="en-US" sz="1000" dirty="0" smtClean="0">
                <a:solidFill>
                  <a:schemeClr val="tx1"/>
                </a:solidFill>
                <a:latin typeface="+mn-ea"/>
              </a:rPr>
              <a:t>年</a:t>
            </a:r>
            <a:r>
              <a:rPr lang="en-US" altLang="ja-JP" sz="1000" dirty="0">
                <a:solidFill>
                  <a:schemeClr val="tx1"/>
                </a:solidFill>
                <a:latin typeface="+mn-ea"/>
              </a:rPr>
              <a:t>9</a:t>
            </a:r>
            <a:r>
              <a:rPr kumimoji="1" lang="ja-JP" altLang="en-US" sz="1000" dirty="0" smtClean="0">
                <a:solidFill>
                  <a:schemeClr val="tx1"/>
                </a:solidFill>
                <a:latin typeface="+mn-ea"/>
              </a:rPr>
              <a:t>月</a:t>
            </a:r>
            <a:endParaRPr kumimoji="1" lang="ja-JP" altLang="en-US" dirty="0">
              <a:solidFill>
                <a:schemeClr val="tx1"/>
              </a:solidFill>
              <a:latin typeface="+mn-ea"/>
            </a:endParaRPr>
          </a:p>
        </p:txBody>
      </p:sp>
    </p:spTree>
    <p:extLst>
      <p:ext uri="{BB962C8B-B14F-4D97-AF65-F5344CB8AC3E}">
        <p14:creationId xmlns:p14="http://schemas.microsoft.com/office/powerpoint/2010/main" val="244301463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extLst>
              <p:ext uri="{D42A27DB-BD31-4B8C-83A1-F6EECF244321}">
                <p14:modId xmlns:p14="http://schemas.microsoft.com/office/powerpoint/2010/main" val="1346860094"/>
              </p:ext>
            </p:extLst>
          </p:nvPr>
        </p:nvGraphicFramePr>
        <p:xfrm>
          <a:off x="-108246" y="1772817"/>
          <a:ext cx="9228829" cy="5073948"/>
        </p:xfrm>
        <a:graphic>
          <a:graphicData uri="http://schemas.openxmlformats.org/drawingml/2006/chart">
            <c:chart xmlns:c="http://schemas.openxmlformats.org/drawingml/2006/chart" xmlns:r="http://schemas.openxmlformats.org/officeDocument/2006/relationships" r:id="rId3"/>
          </a:graphicData>
        </a:graphic>
      </p:graphicFrame>
      <p:sp>
        <p:nvSpPr>
          <p:cNvPr id="6" name="正方形/長方形 5"/>
          <p:cNvSpPr/>
          <p:nvPr/>
        </p:nvSpPr>
        <p:spPr>
          <a:xfrm>
            <a:off x="251520" y="764704"/>
            <a:ext cx="604867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輸入</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の影響もあり、大幅にマイナスとな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初からは、新型コロナウイルス感染拡大の影響により落ち込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復を繰り返し、直近は回復傾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0</a:t>
            </a:fld>
            <a:endParaRPr lang="ja-JP" altLang="en-US" dirty="0"/>
          </a:p>
        </p:txBody>
      </p:sp>
      <p:sp>
        <p:nvSpPr>
          <p:cNvPr id="16" name="テキスト ボックス 1"/>
          <p:cNvSpPr txBox="1"/>
          <p:nvPr/>
        </p:nvSpPr>
        <p:spPr>
          <a:xfrm>
            <a:off x="8363934" y="1844685"/>
            <a:ext cx="756649"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円</a:t>
            </a:r>
            <a:r>
              <a:rPr kumimoji="1"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ドル）</a:t>
            </a:r>
            <a:endParaRPr kumimoji="1" lang="ja-JP" altLang="en-US" sz="1000" dirty="0">
              <a:latin typeface="+mn-ea"/>
              <a:cs typeface="Meiryo UI" panose="020B0604030504040204" pitchFamily="50" charset="-128"/>
            </a:endParaRPr>
          </a:p>
        </p:txBody>
      </p:sp>
      <p:sp>
        <p:nvSpPr>
          <p:cNvPr id="20" name="テキスト ボックス 19"/>
          <p:cNvSpPr txBox="1"/>
          <p:nvPr/>
        </p:nvSpPr>
        <p:spPr>
          <a:xfrm>
            <a:off x="251520" y="1844686"/>
            <a:ext cx="1166834"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a:t>
            </a:r>
            <a:r>
              <a:rPr lang="ja-JP" altLang="en-US" sz="1000" dirty="0" smtClean="0">
                <a:latin typeface="+mn-ea"/>
                <a:cs typeface="Meiryo UI" panose="020B0604030504040204" pitchFamily="50" charset="-128"/>
              </a:rPr>
              <a:t>前年同月比、</a:t>
            </a:r>
            <a:r>
              <a:rPr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a:t>
            </a:r>
            <a:endParaRPr kumimoji="1" lang="ja-JP" altLang="en-US" sz="1000" dirty="0">
              <a:latin typeface="+mn-ea"/>
              <a:cs typeface="Meiryo UI" panose="020B0604030504040204" pitchFamily="50" charset="-128"/>
            </a:endParaRPr>
          </a:p>
        </p:txBody>
      </p:sp>
      <p:sp>
        <p:nvSpPr>
          <p:cNvPr id="14" name="正方形/長方形 13"/>
          <p:cNvSpPr/>
          <p:nvPr/>
        </p:nvSpPr>
        <p:spPr>
          <a:xfrm rot="18914265">
            <a:off x="7852223" y="6298866"/>
            <a:ext cx="1023422" cy="17091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00" dirty="0" smtClean="0">
                <a:solidFill>
                  <a:schemeClr val="tx1"/>
                </a:solidFill>
                <a:latin typeface="+mn-ea"/>
              </a:rPr>
              <a:t>2020</a:t>
            </a:r>
            <a:r>
              <a:rPr kumimoji="1" lang="ja-JP" altLang="en-US" sz="1000" dirty="0" smtClean="0">
                <a:solidFill>
                  <a:schemeClr val="tx1"/>
                </a:solidFill>
                <a:latin typeface="+mn-ea"/>
              </a:rPr>
              <a:t>年</a:t>
            </a:r>
            <a:r>
              <a:rPr lang="en-US" altLang="ja-JP" sz="1000" dirty="0">
                <a:solidFill>
                  <a:schemeClr val="tx1"/>
                </a:solidFill>
                <a:latin typeface="+mn-ea"/>
              </a:rPr>
              <a:t>9</a:t>
            </a:r>
            <a:r>
              <a:rPr kumimoji="1" lang="ja-JP" altLang="en-US" sz="1000" dirty="0" smtClean="0">
                <a:solidFill>
                  <a:schemeClr val="tx1"/>
                </a:solidFill>
                <a:latin typeface="+mn-ea"/>
              </a:rPr>
              <a:t>月</a:t>
            </a:r>
            <a:endParaRPr kumimoji="1" lang="ja-JP" altLang="en-US" dirty="0">
              <a:solidFill>
                <a:schemeClr val="tx1"/>
              </a:solidFill>
              <a:latin typeface="+mn-ea"/>
            </a:endParaRPr>
          </a:p>
        </p:txBody>
      </p:sp>
    </p:spTree>
    <p:extLst>
      <p:ext uri="{BB962C8B-B14F-4D97-AF65-F5344CB8AC3E}">
        <p14:creationId xmlns:p14="http://schemas.microsoft.com/office/powerpoint/2010/main" val="158299037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のための５源泉ごと</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の動き</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の公表データを基に作成していま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1</a:t>
            </a:fld>
            <a:endParaRPr lang="ja-JP" altLang="en-US" b="1" dirty="0"/>
          </a:p>
        </p:txBody>
      </p:sp>
    </p:spTree>
    <p:extLst>
      <p:ext uri="{BB962C8B-B14F-4D97-AF65-F5344CB8AC3E}">
        <p14:creationId xmlns:p14="http://schemas.microsoft.com/office/powerpoint/2010/main" val="408333804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smtClean="0"/>
              <a:t>22</a:t>
            </a:r>
            <a:endParaRPr lang="ja-JP" altLang="en-US" b="1" dirty="0"/>
          </a:p>
        </p:txBody>
      </p:sp>
      <p:sp>
        <p:nvSpPr>
          <p:cNvPr id="6" name="正方形/長方形 5"/>
          <p:cNvSpPr/>
          <p:nvPr/>
        </p:nvSpPr>
        <p:spPr>
          <a:xfrm>
            <a:off x="107504" y="410450"/>
            <a:ext cx="8640960" cy="637569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世界的な創造都市、国際エンターテイメント都市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年、大阪の集客力は、大きく高まっている。アジアを中心に急増するインバウンドの消費効果が、ＧＲＰの押し上げにも寄与。この好調を維持すべく、大阪観光局や経済界と連携しながら、引き続き都市魅力の向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外国人観光客の意識が、いわゆる「コト消費」へと変化しつつあることや、ビジネス目的の訪日外客数が増加傾向にあることなどを踏ま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富裕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込みや、欧米豪をはじめ幅広い国・地域からの集客促進を図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SEAN</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諸国・インドなどアジア全体の市場の取り込みを視野に、観光需要の多様化や高度化に対応できるコンテンツの充実が求められる。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催され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契機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の更なる強化を進めていかなければならな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文化・スポーツを活かした都市魅力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かけて、ラグビーワールドカップ日本大会が開催され、気運が高まるな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で開催さ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大規模イベントの開催を控え、更なる機運醸成が必要。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開催、さらにはＩＲの実現に際し、大阪の文化や歴史、食の魅力を伝える取組み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有数の国際都市をめざした受入環境の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多言語化対応の進展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の促進など、旅行者の利便性が向上。一方で、府内宿泊施設の稼働率高止まりなどにより、日本人観光客の宿泊者数が伸び悩むといった課題もみられる。民泊を含めた宿泊施設の充実や更なる利便性の向上など、多様でバランスの良い内外受入環境の充実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関西が一体となった観光ポータル化の推進に関して</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には、特色ある観光魅力を有する都市が集積。関西圏で連携を更に進め、関西全体としての国際的認知度の向上、エリア全体での交流人口の増加、受入環境の整備等に取組む必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3740663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3"/>
          <p:cNvGraphicFramePr>
            <a:graphicFrameLocks noGrp="1"/>
          </p:cNvGraphicFramePr>
          <p:nvPr>
            <p:extLst>
              <p:ext uri="{D42A27DB-BD31-4B8C-83A1-F6EECF244321}">
                <p14:modId xmlns:p14="http://schemas.microsoft.com/office/powerpoint/2010/main" val="239279009"/>
              </p:ext>
            </p:extLst>
          </p:nvPr>
        </p:nvGraphicFramePr>
        <p:xfrm>
          <a:off x="3" y="2492896"/>
          <a:ext cx="9108501" cy="3848032"/>
        </p:xfrm>
        <a:graphic>
          <a:graphicData uri="http://schemas.openxmlformats.org/drawingml/2006/table">
            <a:tbl>
              <a:tblPr firstRow="1" bandRow="1">
                <a:tableStyleId>{5940675A-B579-460E-94D1-54222C63F5DA}</a:tableStyleId>
              </a:tblPr>
              <a:tblGrid>
                <a:gridCol w="210317">
                  <a:extLst>
                    <a:ext uri="{9D8B030D-6E8A-4147-A177-3AD203B41FA5}">
                      <a16:colId xmlns:a16="http://schemas.microsoft.com/office/drawing/2014/main" val="20000"/>
                    </a:ext>
                  </a:extLst>
                </a:gridCol>
                <a:gridCol w="992617">
                  <a:extLst>
                    <a:ext uri="{9D8B030D-6E8A-4147-A177-3AD203B41FA5}">
                      <a16:colId xmlns:a16="http://schemas.microsoft.com/office/drawing/2014/main" val="20001"/>
                    </a:ext>
                  </a:extLst>
                </a:gridCol>
                <a:gridCol w="682884">
                  <a:extLst>
                    <a:ext uri="{9D8B030D-6E8A-4147-A177-3AD203B41FA5}">
                      <a16:colId xmlns:a16="http://schemas.microsoft.com/office/drawing/2014/main" val="20002"/>
                    </a:ext>
                  </a:extLst>
                </a:gridCol>
                <a:gridCol w="682884">
                  <a:extLst>
                    <a:ext uri="{9D8B030D-6E8A-4147-A177-3AD203B41FA5}">
                      <a16:colId xmlns:a16="http://schemas.microsoft.com/office/drawing/2014/main" val="20003"/>
                    </a:ext>
                  </a:extLst>
                </a:gridCol>
                <a:gridCol w="682884">
                  <a:extLst>
                    <a:ext uri="{9D8B030D-6E8A-4147-A177-3AD203B41FA5}">
                      <a16:colId xmlns:a16="http://schemas.microsoft.com/office/drawing/2014/main" val="20004"/>
                    </a:ext>
                  </a:extLst>
                </a:gridCol>
                <a:gridCol w="682884">
                  <a:extLst>
                    <a:ext uri="{9D8B030D-6E8A-4147-A177-3AD203B41FA5}">
                      <a16:colId xmlns:a16="http://schemas.microsoft.com/office/drawing/2014/main" val="20005"/>
                    </a:ext>
                  </a:extLst>
                </a:gridCol>
                <a:gridCol w="682884">
                  <a:extLst>
                    <a:ext uri="{9D8B030D-6E8A-4147-A177-3AD203B41FA5}">
                      <a16:colId xmlns:a16="http://schemas.microsoft.com/office/drawing/2014/main" val="20006"/>
                    </a:ext>
                  </a:extLst>
                </a:gridCol>
                <a:gridCol w="682884">
                  <a:extLst>
                    <a:ext uri="{9D8B030D-6E8A-4147-A177-3AD203B41FA5}">
                      <a16:colId xmlns:a16="http://schemas.microsoft.com/office/drawing/2014/main" val="20007"/>
                    </a:ext>
                  </a:extLst>
                </a:gridCol>
                <a:gridCol w="682884">
                  <a:extLst>
                    <a:ext uri="{9D8B030D-6E8A-4147-A177-3AD203B41FA5}">
                      <a16:colId xmlns:a16="http://schemas.microsoft.com/office/drawing/2014/main" val="20008"/>
                    </a:ext>
                  </a:extLst>
                </a:gridCol>
                <a:gridCol w="682884">
                  <a:extLst>
                    <a:ext uri="{9D8B030D-6E8A-4147-A177-3AD203B41FA5}">
                      <a16:colId xmlns:a16="http://schemas.microsoft.com/office/drawing/2014/main" val="20009"/>
                    </a:ext>
                  </a:extLst>
                </a:gridCol>
                <a:gridCol w="682884">
                  <a:extLst>
                    <a:ext uri="{9D8B030D-6E8A-4147-A177-3AD203B41FA5}">
                      <a16:colId xmlns:a16="http://schemas.microsoft.com/office/drawing/2014/main" val="2681488384"/>
                    </a:ext>
                  </a:extLst>
                </a:gridCol>
                <a:gridCol w="682884">
                  <a:extLst>
                    <a:ext uri="{9D8B030D-6E8A-4147-A177-3AD203B41FA5}">
                      <a16:colId xmlns:a16="http://schemas.microsoft.com/office/drawing/2014/main" val="3560923171"/>
                    </a:ext>
                  </a:extLst>
                </a:gridCol>
                <a:gridCol w="1076727">
                  <a:extLst>
                    <a:ext uri="{9D8B030D-6E8A-4147-A177-3AD203B41FA5}">
                      <a16:colId xmlns:a16="http://schemas.microsoft.com/office/drawing/2014/main" val="20010"/>
                    </a:ext>
                  </a:extLst>
                </a:gridCol>
              </a:tblGrid>
              <a:tr h="392671">
                <a:tc gridSpan="2">
                  <a:txBody>
                    <a:bodyPr/>
                    <a:lstStyle/>
                    <a:p>
                      <a:pPr algn="ctr"/>
                      <a:r>
                        <a:rPr kumimoji="1"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　</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45344">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p>
                    <a:p>
                      <a:pPr marL="182563" indent="-182563" algn="ctr" defTabSz="914400" rtl="0" eaLnBrk="1" latinLnBrk="0" hangingPunct="1">
                        <a:tabLst>
                          <a:tab pos="92075" algn="l"/>
                        </a:tabLst>
                      </a:pPr>
                      <a:r>
                        <a:rPr kumimoji="1" lang="ja-JP" altLang="en-US"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1</a:t>
                      </a: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21</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90</a:t>
                      </a:r>
                      <a:endParaRPr kumimoji="1" lang="en-US" altLang="ja-JP" sz="1050" u="none"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3</a:t>
                      </a: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lvl="0" indent="0"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5344">
                <a:tc rowSpan="2">
                  <a:txBody>
                    <a:bodyPr/>
                    <a:lstStyle/>
                    <a:p>
                      <a:pPr algn="l"/>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7</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12</a:t>
                      </a:r>
                      <a:endParaRPr kumimoji="1" lang="en-US" altLang="ja-JP" sz="1050" u="none"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3</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0"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extLst>
                  <a:ext uri="{0D108BD9-81ED-4DB2-BD59-A6C34878D82A}">
                    <a16:rowId xmlns:a16="http://schemas.microsoft.com/office/drawing/2014/main" val="10002"/>
                  </a:ext>
                </a:extLst>
              </a:tr>
              <a:tr h="545344">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54</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7</a:t>
                      </a:r>
                      <a:endParaRPr kumimoji="1" lang="en-US" altLang="ja-JP" sz="1050"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5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100349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7</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6</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6</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7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23562">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日未定</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6305545"/>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訪日外国人のうち大阪を訪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した割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が調査対象外となってい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latin typeface="+mj-ea"/>
                <a:ea typeface="+mj-ea"/>
                <a:cs typeface="Meiryo UI" pitchFamily="50" charset="-128"/>
              </a:rPr>
              <a:t>「成長目標」の進捗を把握するための指標</a:t>
            </a:r>
            <a:endParaRPr lang="ja-JP" altLang="en-US" sz="2000" b="1" u="sng" dirty="0">
              <a:latin typeface="+mj-ea"/>
              <a:ea typeface="+mj-ea"/>
              <a:cs typeface="Meiryo UI" pitchFamily="50" charset="-128"/>
            </a:endParaRPr>
          </a:p>
        </p:txBody>
      </p:sp>
      <p:sp>
        <p:nvSpPr>
          <p:cNvPr id="2" name="正方形/長方形 1"/>
          <p:cNvSpPr/>
          <p:nvPr/>
        </p:nvSpPr>
        <p:spPr>
          <a:xfrm>
            <a:off x="107504" y="836712"/>
            <a:ext cx="8928992" cy="15233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大阪府）は</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3</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と比べ、外国人延べ宿泊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傾向</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国人訪問率</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開催件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spTree>
    <p:extLst>
      <p:ext uri="{BB962C8B-B14F-4D97-AF65-F5344CB8AC3E}">
        <p14:creationId xmlns:p14="http://schemas.microsoft.com/office/powerpoint/2010/main" val="29141739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訪日外国人の</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回あたりの旅行消費</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単価</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の推移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88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上昇。戦略策定時から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一方で、東京とは大きく開きがある状況。</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メリカ</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韓国の旅行消費単価が上昇基調にある一方、中国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香港</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ほぼ横ばいの傾向が続いてい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8686" y="2204864"/>
            <a:ext cx="4019258" cy="310726"/>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問地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272268" y="2204864"/>
            <a:ext cx="50522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訪日外国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4</a:t>
            </a:fld>
            <a:endParaRPr lang="ja-JP" altLang="en-US" b="1" dirty="0"/>
          </a:p>
        </p:txBody>
      </p:sp>
      <p:sp>
        <p:nvSpPr>
          <p:cNvPr id="14" name="正方形/長方形 4"/>
          <p:cNvSpPr>
            <a:spLocks noChangeArrowheads="1"/>
          </p:cNvSpPr>
          <p:nvPr/>
        </p:nvSpPr>
        <p:spPr bwMode="auto">
          <a:xfrm>
            <a:off x="107504" y="6525344"/>
            <a:ext cx="554461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2050046142"/>
              </p:ext>
            </p:extLst>
          </p:nvPr>
        </p:nvGraphicFramePr>
        <p:xfrm>
          <a:off x="71934" y="2528085"/>
          <a:ext cx="4356050" cy="395915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9" name="グラフ 18"/>
          <p:cNvGraphicFramePr>
            <a:graphicFrameLocks/>
          </p:cNvGraphicFramePr>
          <p:nvPr>
            <p:extLst>
              <p:ext uri="{D42A27DB-BD31-4B8C-83A1-F6EECF244321}">
                <p14:modId xmlns:p14="http://schemas.microsoft.com/office/powerpoint/2010/main" val="1739267405"/>
              </p:ext>
            </p:extLst>
          </p:nvPr>
        </p:nvGraphicFramePr>
        <p:xfrm>
          <a:off x="4487134" y="2487071"/>
          <a:ext cx="4333337" cy="406655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07228138"/>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503285"/>
            <a:ext cx="871616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訪日</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外国人消費の動向と効果</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8686" y="2257127"/>
            <a:ext cx="869977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264710" y="4417367"/>
            <a:ext cx="8699778" cy="307777"/>
          </a:xfrm>
          <a:prstGeom prst="rect">
            <a:avLst/>
          </a:prstGeom>
        </p:spPr>
        <p:txBody>
          <a:bodyPr wrap="square">
            <a:spAutoFit/>
          </a:bodyPr>
          <a:lstStyle/>
          <a:p>
            <a:pPr marL="177800" indent="-177800"/>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回あたりの旅行消費単価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移」グラフとは数値が異な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2" name="正方形/長方形 11"/>
          <p:cNvSpPr/>
          <p:nvPr/>
        </p:nvSpPr>
        <p:spPr>
          <a:xfrm>
            <a:off x="35496" y="4653136"/>
            <a:ext cx="979308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日外国人消費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効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財</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ジア太平洋研究所</a:t>
            </a:r>
            <a:r>
              <a:rPr lang="en-US" altLang="ja-JP" sz="90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PIR)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Trend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Watch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o.65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訪日外国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消費による関西各府県への経済効果」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17659" y="949370"/>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の消費動向をみると、いずれの国も宿泊料金や買い物代の割合が高い。このうち、中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香港では、買い物代の方が構成比が高く、韓国とアメリカは宿泊料金の構成比が高いといった、それぞれの特徴が窺え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消費の関西名目</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する寄与度は、</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初めて１％を超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空被災にも関わら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加速し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77665396"/>
              </p:ext>
            </p:extLst>
          </p:nvPr>
        </p:nvGraphicFramePr>
        <p:xfrm>
          <a:off x="251520" y="2542918"/>
          <a:ext cx="8229601" cy="1951749"/>
        </p:xfrm>
        <a:graphic>
          <a:graphicData uri="http://schemas.openxmlformats.org/drawingml/2006/table">
            <a:tbl>
              <a:tblPr/>
              <a:tblGrid>
                <a:gridCol w="1045029">
                  <a:extLst>
                    <a:ext uri="{9D8B030D-6E8A-4147-A177-3AD203B41FA5}">
                      <a16:colId xmlns:a16="http://schemas.microsoft.com/office/drawing/2014/main" val="2047801452"/>
                    </a:ext>
                  </a:extLst>
                </a:gridCol>
                <a:gridCol w="667040">
                  <a:extLst>
                    <a:ext uri="{9D8B030D-6E8A-4147-A177-3AD203B41FA5}">
                      <a16:colId xmlns:a16="http://schemas.microsoft.com/office/drawing/2014/main" val="3330274069"/>
                    </a:ext>
                  </a:extLst>
                </a:gridCol>
                <a:gridCol w="544749">
                  <a:extLst>
                    <a:ext uri="{9D8B030D-6E8A-4147-A177-3AD203B41FA5}">
                      <a16:colId xmlns:a16="http://schemas.microsoft.com/office/drawing/2014/main" val="3190419251"/>
                    </a:ext>
                  </a:extLst>
                </a:gridCol>
                <a:gridCol w="611453">
                  <a:extLst>
                    <a:ext uri="{9D8B030D-6E8A-4147-A177-3AD203B41FA5}">
                      <a16:colId xmlns:a16="http://schemas.microsoft.com/office/drawing/2014/main" val="4228787190"/>
                    </a:ext>
                  </a:extLst>
                </a:gridCol>
                <a:gridCol w="555867">
                  <a:extLst>
                    <a:ext uri="{9D8B030D-6E8A-4147-A177-3AD203B41FA5}">
                      <a16:colId xmlns:a16="http://schemas.microsoft.com/office/drawing/2014/main" val="2261187308"/>
                    </a:ext>
                  </a:extLst>
                </a:gridCol>
                <a:gridCol w="611453">
                  <a:extLst>
                    <a:ext uri="{9D8B030D-6E8A-4147-A177-3AD203B41FA5}">
                      <a16:colId xmlns:a16="http://schemas.microsoft.com/office/drawing/2014/main" val="3253670817"/>
                    </a:ext>
                  </a:extLst>
                </a:gridCol>
                <a:gridCol w="533631">
                  <a:extLst>
                    <a:ext uri="{9D8B030D-6E8A-4147-A177-3AD203B41FA5}">
                      <a16:colId xmlns:a16="http://schemas.microsoft.com/office/drawing/2014/main" val="1975007011"/>
                    </a:ext>
                  </a:extLst>
                </a:gridCol>
                <a:gridCol w="611453">
                  <a:extLst>
                    <a:ext uri="{9D8B030D-6E8A-4147-A177-3AD203B41FA5}">
                      <a16:colId xmlns:a16="http://schemas.microsoft.com/office/drawing/2014/main" val="2998288147"/>
                    </a:ext>
                  </a:extLst>
                </a:gridCol>
                <a:gridCol w="589219">
                  <a:extLst>
                    <a:ext uri="{9D8B030D-6E8A-4147-A177-3AD203B41FA5}">
                      <a16:colId xmlns:a16="http://schemas.microsoft.com/office/drawing/2014/main" val="282103964"/>
                    </a:ext>
                  </a:extLst>
                </a:gridCol>
                <a:gridCol w="700392">
                  <a:extLst>
                    <a:ext uri="{9D8B030D-6E8A-4147-A177-3AD203B41FA5}">
                      <a16:colId xmlns:a16="http://schemas.microsoft.com/office/drawing/2014/main" val="3866718702"/>
                    </a:ext>
                  </a:extLst>
                </a:gridCol>
                <a:gridCol w="558645">
                  <a:extLst>
                    <a:ext uri="{9D8B030D-6E8A-4147-A177-3AD203B41FA5}">
                      <a16:colId xmlns:a16="http://schemas.microsoft.com/office/drawing/2014/main" val="2474453528"/>
                    </a:ext>
                  </a:extLst>
                </a:gridCol>
                <a:gridCol w="600335">
                  <a:extLst>
                    <a:ext uri="{9D8B030D-6E8A-4147-A177-3AD203B41FA5}">
                      <a16:colId xmlns:a16="http://schemas.microsoft.com/office/drawing/2014/main" val="2638304807"/>
                    </a:ext>
                  </a:extLst>
                </a:gridCol>
                <a:gridCol w="600335">
                  <a:extLst>
                    <a:ext uri="{9D8B030D-6E8A-4147-A177-3AD203B41FA5}">
                      <a16:colId xmlns:a16="http://schemas.microsoft.com/office/drawing/2014/main" val="953021920"/>
                    </a:ext>
                  </a:extLst>
                </a:gridCol>
              </a:tblGrid>
              <a:tr h="216861">
                <a:tc rowSpan="2">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全体</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韓国</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台湾</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香港</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2">
                  <a:txBody>
                    <a:bodyPr/>
                    <a:lstStyle/>
                    <a:p>
                      <a:pPr algn="ctr"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メリカ</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　</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274909408"/>
                  </a:ext>
                </a:extLst>
              </a:tr>
              <a:tr h="216861">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構成比</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3351647"/>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宿泊料金</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7,33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5,21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41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8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1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125</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9%</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extLst>
                  <a:ext uri="{0D108BD9-81ED-4DB2-BD59-A6C34878D82A}">
                    <a16:rowId xmlns:a16="http://schemas.microsoft.com/office/drawing/2014/main" val="3812882630"/>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飲食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4,74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6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13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25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88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7%</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27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5%</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92D050"/>
                    </a:solidFill>
                  </a:tcPr>
                </a:tc>
                <a:extLst>
                  <a:ext uri="{0D108BD9-81ED-4DB2-BD59-A6C34878D82A}">
                    <a16:rowId xmlns:a16="http://schemas.microsoft.com/office/drawing/2014/main" val="57909682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交通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66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23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82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3%</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20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4%</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0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7%</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3822931059"/>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娯楽サービス費</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3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914</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2%</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74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9%</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26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1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69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339018108"/>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買い物代</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3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8,7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3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6%</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1,502</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5.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2,17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5%</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solidFill>
                      <a:srgbClr val="FF5050"/>
                    </a:solid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21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3%</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2976088161"/>
                  </a:ext>
                </a:extLst>
              </a:tr>
              <a:tr h="216861">
                <a:tc>
                  <a:txBody>
                    <a:bodyPr/>
                    <a:lstStyle/>
                    <a:p>
                      <a:pPr algn="l"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その他</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9</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7</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1%</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83</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183374223"/>
                  </a:ext>
                </a:extLst>
              </a:tr>
              <a:tr h="216861">
                <a:tc>
                  <a:txBody>
                    <a:bodyPr/>
                    <a:lstStyle/>
                    <a:p>
                      <a:pPr algn="l" fontAlgn="ctr"/>
                      <a:r>
                        <a:rPr lang="zh-TW" altLang="en-US" sz="900" b="0" i="0" u="none" strike="noStrike" dirty="0">
                          <a:solidFill>
                            <a:srgbClr val="000000"/>
                          </a:solidFill>
                          <a:effectLst/>
                          <a:latin typeface="Meiryo UI" panose="020B0604030504040204" pitchFamily="50" charset="-128"/>
                          <a:ea typeface="Meiryo UI" panose="020B0604030504040204" pitchFamily="50" charset="-128"/>
                        </a:rPr>
                        <a:t>旅行支出総額</a:t>
                      </a:r>
                    </a:p>
                  </a:txBody>
                  <a:tcPr marL="8341" marR="8341" marT="8341"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58,53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2,810</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76,13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8,288</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5,95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89,411</a:t>
                      </a:r>
                    </a:p>
                  </a:txBody>
                  <a:tcPr marL="8341" marR="8341" marT="8341"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00.0%</a:t>
                      </a:r>
                    </a:p>
                  </a:txBody>
                  <a:tcPr marL="8341" marR="8341" marT="8341" marB="0" anchor="ctr">
                    <a:lnL w="6350" cap="flat" cmpd="sng" algn="ctr">
                      <a:solidFill>
                        <a:srgbClr val="000000"/>
                      </a:solidFill>
                      <a:prstDash val="dot"/>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3943468"/>
                  </a:ext>
                </a:extLst>
              </a:tr>
            </a:tbl>
          </a:graphicData>
        </a:graphic>
      </p:graphicFrame>
      <p:graphicFrame>
        <p:nvGraphicFramePr>
          <p:cNvPr id="2" name="表 1"/>
          <p:cNvGraphicFramePr>
            <a:graphicFrameLocks noGrp="1"/>
          </p:cNvGraphicFramePr>
          <p:nvPr>
            <p:extLst>
              <p:ext uri="{D42A27DB-BD31-4B8C-83A1-F6EECF244321}">
                <p14:modId xmlns:p14="http://schemas.microsoft.com/office/powerpoint/2010/main" val="3060598897"/>
              </p:ext>
            </p:extLst>
          </p:nvPr>
        </p:nvGraphicFramePr>
        <p:xfrm>
          <a:off x="251520" y="4941165"/>
          <a:ext cx="8229601" cy="1872209"/>
        </p:xfrm>
        <a:graphic>
          <a:graphicData uri="http://schemas.openxmlformats.org/drawingml/2006/table">
            <a:tbl>
              <a:tblPr/>
              <a:tblGrid>
                <a:gridCol w="906424">
                  <a:extLst>
                    <a:ext uri="{9D8B030D-6E8A-4147-A177-3AD203B41FA5}">
                      <a16:colId xmlns:a16="http://schemas.microsoft.com/office/drawing/2014/main" val="78405242"/>
                    </a:ext>
                  </a:extLst>
                </a:gridCol>
                <a:gridCol w="895097">
                  <a:extLst>
                    <a:ext uri="{9D8B030D-6E8A-4147-A177-3AD203B41FA5}">
                      <a16:colId xmlns:a16="http://schemas.microsoft.com/office/drawing/2014/main" val="2549685635"/>
                    </a:ext>
                  </a:extLst>
                </a:gridCol>
                <a:gridCol w="895097">
                  <a:extLst>
                    <a:ext uri="{9D8B030D-6E8A-4147-A177-3AD203B41FA5}">
                      <a16:colId xmlns:a16="http://schemas.microsoft.com/office/drawing/2014/main" val="4146636711"/>
                    </a:ext>
                  </a:extLst>
                </a:gridCol>
                <a:gridCol w="895097">
                  <a:extLst>
                    <a:ext uri="{9D8B030D-6E8A-4147-A177-3AD203B41FA5}">
                      <a16:colId xmlns:a16="http://schemas.microsoft.com/office/drawing/2014/main" val="2232782624"/>
                    </a:ext>
                  </a:extLst>
                </a:gridCol>
                <a:gridCol w="1057498">
                  <a:extLst>
                    <a:ext uri="{9D8B030D-6E8A-4147-A177-3AD203B41FA5}">
                      <a16:colId xmlns:a16="http://schemas.microsoft.com/office/drawing/2014/main" val="3046638592"/>
                    </a:ext>
                  </a:extLst>
                </a:gridCol>
                <a:gridCol w="895097">
                  <a:extLst>
                    <a:ext uri="{9D8B030D-6E8A-4147-A177-3AD203B41FA5}">
                      <a16:colId xmlns:a16="http://schemas.microsoft.com/office/drawing/2014/main" val="1996729525"/>
                    </a:ext>
                  </a:extLst>
                </a:gridCol>
                <a:gridCol w="895097">
                  <a:extLst>
                    <a:ext uri="{9D8B030D-6E8A-4147-A177-3AD203B41FA5}">
                      <a16:colId xmlns:a16="http://schemas.microsoft.com/office/drawing/2014/main" val="2973259715"/>
                    </a:ext>
                  </a:extLst>
                </a:gridCol>
                <a:gridCol w="895097">
                  <a:extLst>
                    <a:ext uri="{9D8B030D-6E8A-4147-A177-3AD203B41FA5}">
                      <a16:colId xmlns:a16="http://schemas.microsoft.com/office/drawing/2014/main" val="605679584"/>
                    </a:ext>
                  </a:extLst>
                </a:gridCol>
                <a:gridCol w="895097">
                  <a:extLst>
                    <a:ext uri="{9D8B030D-6E8A-4147-A177-3AD203B41FA5}">
                      <a16:colId xmlns:a16="http://schemas.microsoft.com/office/drawing/2014/main" val="2836037819"/>
                    </a:ext>
                  </a:extLst>
                </a:gridCol>
              </a:tblGrid>
              <a:tr h="409545">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br>
                        <a:rPr lang="ja-JP" altLang="en-US" sz="1100" b="0" i="0" u="none" strike="noStrike">
                          <a:solidFill>
                            <a:schemeClr val="tx1"/>
                          </a:solidFill>
                          <a:effectLst/>
                          <a:latin typeface="Meiryo UI" panose="020B0604030504040204" pitchFamily="50" charset="-128"/>
                          <a:ea typeface="Meiryo UI" panose="020B0604030504040204" pitchFamily="50" charset="-128"/>
                        </a:rPr>
                      </a:br>
                      <a:r>
                        <a:rPr lang="ja-JP" altLang="en-US" sz="1100" b="0" i="0" u="none" strike="noStrike">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a:solidFill>
                            <a:schemeClr val="tx1"/>
                          </a:solidFill>
                          <a:effectLst/>
                          <a:latin typeface="Meiryo UI" panose="020B0604030504040204" pitchFamily="50" charset="-128"/>
                          <a:ea typeface="Meiryo UI" panose="020B0604030504040204" pitchFamily="50" charset="-128"/>
                        </a:rPr>
                        <a:t>(100</a:t>
                      </a:r>
                      <a:r>
                        <a:rPr lang="ja-JP" altLang="en-US" sz="1100" b="0" i="0" u="none" strike="noStrike">
                          <a:solidFill>
                            <a:schemeClr val="tx1"/>
                          </a:solidFill>
                          <a:effectLst/>
                          <a:latin typeface="Meiryo UI" panose="020B0604030504040204" pitchFamily="50" charset="-128"/>
                          <a:ea typeface="Meiryo UI" panose="020B0604030504040204" pitchFamily="50" charset="-128"/>
                        </a:rPr>
                        <a:t>万円</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3</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7</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a:solidFill>
                            <a:schemeClr val="tx1"/>
                          </a:solidFill>
                          <a:effectLst/>
                          <a:latin typeface="Meiryo UI" panose="020B0604030504040204" pitchFamily="50" charset="-128"/>
                          <a:ea typeface="Meiryo UI" panose="020B0604030504040204" pitchFamily="50" charset="-128"/>
                        </a:rPr>
                      </a:br>
                      <a:r>
                        <a:rPr lang="en-US" altLang="ja-JP" sz="1100" b="0" i="0" u="none" strike="noStrike">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寄与</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82354524"/>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滋賀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69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7,3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3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3,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51582892"/>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京都府</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70,70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4,07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97,31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76,0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8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4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4088954973"/>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府</a:t>
                      </a:r>
                    </a:p>
                  </a:txBody>
                  <a:tcPr marL="9525" marR="9525" marT="9525" marB="0" anchor="ctr">
                    <a:lnL w="12700" cap="flat" cmpd="sng" algn="ctr">
                      <a:solidFill>
                        <a:srgbClr val="FF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4,0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80,8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36,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81,50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47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FF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127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2240643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兵庫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7,67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3,95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11,55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20,5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5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FF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84959817"/>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奈良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4,24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0,09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3,5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4,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5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060339158"/>
                  </a:ext>
                </a:extLst>
              </a:tr>
              <a:tr h="204773">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和歌山県</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5,9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11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2,5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1,7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1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6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0.63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15582318"/>
                  </a:ext>
                </a:extLst>
              </a:tr>
              <a:tr h="214524">
                <a:tc>
                  <a:txBody>
                    <a:bodyPr/>
                    <a:lstStyle/>
                    <a:p>
                      <a:pPr algn="l"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関西計</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251,3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858,42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931,2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67,7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0.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eiryo UI" panose="020B0604030504040204" pitchFamily="50" charset="-128"/>
                          <a:ea typeface="Meiryo UI" panose="020B0604030504040204" pitchFamily="50" charset="-128"/>
                        </a:rPr>
                        <a:t>1.0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5 </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263061969"/>
                  </a:ext>
                </a:extLst>
              </a:tr>
            </a:tbl>
          </a:graphicData>
        </a:graphic>
      </p:graphicFrame>
    </p:spTree>
    <p:extLst>
      <p:ext uri="{BB962C8B-B14F-4D97-AF65-F5344CB8AC3E}">
        <p14:creationId xmlns:p14="http://schemas.microsoft.com/office/powerpoint/2010/main" val="137934640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203859" y="505017"/>
            <a:ext cx="551929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訪日外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おけるビジネス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dirty="0">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1195080"/>
            <a:ext cx="8928992" cy="749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数のう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客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傾向にあった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6</a:t>
            </a:fld>
            <a:endParaRPr lang="ja-JP" altLang="en-US" dirty="0"/>
          </a:p>
        </p:txBody>
      </p:sp>
      <p:sp>
        <p:nvSpPr>
          <p:cNvPr id="19" name="テキスト ボックス 18"/>
          <p:cNvSpPr txBox="1"/>
          <p:nvPr/>
        </p:nvSpPr>
        <p:spPr>
          <a:xfrm>
            <a:off x="395536" y="847745"/>
            <a:ext cx="6336704"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国籍</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別／目的別 訪日外客数（確定値）」</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 name="テキスト ボックス 1"/>
          <p:cNvSpPr txBox="1"/>
          <p:nvPr/>
        </p:nvSpPr>
        <p:spPr>
          <a:xfrm>
            <a:off x="80204" y="2119587"/>
            <a:ext cx="1062372"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51440" y="6067199"/>
            <a:ext cx="8659960" cy="600164"/>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訪日外客数</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国籍</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基づく法務省集計による外国人正規入国者から、日本を主たる居住国とする永住者等の外国人を除き、</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これに外国人一時上陸客等を加えた入国外国人旅行者数のこと。駐在員やその家族、留学生等の入国者・再入国者を含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２：ビジネス客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籍別／目的別　訪日外客数（確定値）」の商用客の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354390765"/>
              </p:ext>
            </p:extLst>
          </p:nvPr>
        </p:nvGraphicFramePr>
        <p:xfrm>
          <a:off x="125252" y="2390312"/>
          <a:ext cx="8867729" cy="372710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90853705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53998"/>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a:t>
            </a:r>
            <a:r>
              <a:rPr lang="ja-JP" altLang="en-US"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ビジネス・観光）にみる訪日外国人１人あたり旅行消費額　</a:t>
            </a:r>
            <a:endParaRPr lang="en-US" altLang="ja-JP" sz="1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旅行消費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から約４倍にまで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レジャー目的の訪日外国人１人あたり旅行消費額は概ね増加傾向にあ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67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ビジネス目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額も戦略策定時よりやや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7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176" y="2551708"/>
            <a:ext cx="704741" cy="246221"/>
          </a:xfrm>
          <a:prstGeom prst="rect">
            <a:avLst/>
          </a:prstGeom>
          <a:noFill/>
          <a:ln>
            <a:noFill/>
          </a:ln>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Ⅱ</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2968" y="6492875"/>
            <a:ext cx="2133600" cy="365125"/>
          </a:xfrm>
        </p:spPr>
        <p:txBody>
          <a:bodyPr/>
          <a:lstStyle/>
          <a:p>
            <a:pPr>
              <a:defRPr/>
            </a:pPr>
            <a:r>
              <a:rPr lang="en-US" altLang="ja-JP" b="1" dirty="0" smtClean="0">
                <a:solidFill>
                  <a:prstClr val="black"/>
                </a:solidFill>
              </a:rPr>
              <a:t>27</a:t>
            </a:r>
            <a:endParaRPr lang="ja-JP" altLang="en-US" b="1" dirty="0">
              <a:solidFill>
                <a:prstClr val="black"/>
              </a:solidFill>
            </a:endParaRPr>
          </a:p>
        </p:txBody>
      </p:sp>
      <p:sp>
        <p:nvSpPr>
          <p:cNvPr id="11" name="正方形/長方形 10"/>
          <p:cNvSpPr/>
          <p:nvPr/>
        </p:nvSpPr>
        <p:spPr>
          <a:xfrm>
            <a:off x="35496" y="225712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旅行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25712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71739" y="5946814"/>
            <a:ext cx="9036495" cy="400110"/>
          </a:xfrm>
          <a:prstGeom prst="rect">
            <a:avLst/>
          </a:prstGeom>
          <a:noFill/>
          <a:ln>
            <a:noFill/>
          </a:ln>
        </p:spPr>
        <p:txBody>
          <a:bodyPr wrap="square" rtlCol="0">
            <a:spAutoFit/>
          </a:bodyP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ビジネスは、訪日外国人消費動向調査における来訪目的別の「業務」に該当。「業務」とは、展示会・見本市、国際会議、企業ミーティング、研修、その他ビジネスの合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794345" y="2551708"/>
            <a:ext cx="704741" cy="246221"/>
          </a:xfrm>
          <a:prstGeom prst="rect">
            <a:avLst/>
          </a:prstGeom>
          <a:noFill/>
          <a:ln>
            <a:noFill/>
          </a:ln>
        </p:spPr>
        <p:txBody>
          <a:bodyPr wrap="square" rtlCol="0">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3771704333"/>
              </p:ext>
            </p:extLst>
          </p:nvPr>
        </p:nvGraphicFramePr>
        <p:xfrm>
          <a:off x="35495" y="2742403"/>
          <a:ext cx="4464495" cy="317144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a:graphicFrameLocks/>
          </p:cNvGraphicFramePr>
          <p:nvPr>
            <p:extLst>
              <p:ext uri="{D42A27DB-BD31-4B8C-83A1-F6EECF244321}">
                <p14:modId xmlns:p14="http://schemas.microsoft.com/office/powerpoint/2010/main" val="1498096596"/>
              </p:ext>
            </p:extLst>
          </p:nvPr>
        </p:nvGraphicFramePr>
        <p:xfrm>
          <a:off x="4499991" y="2797929"/>
          <a:ext cx="4536506" cy="311591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82337204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ンケート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問回答者数　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7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375889782"/>
              </p:ext>
            </p:extLst>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理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伝統的日本料理を食べ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2888488825"/>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桜の観賞</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や飲料のショッピ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5,03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うち本問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09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10989" y="518278"/>
            <a:ext cx="871616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消費動向調査による旅行目的では、食事や文化、歴史、自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心など、いわゆる「コト消費」に関連する理由が大半を示す。</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大阪に行ってみたいと考えているアジア旅行者においても、伝統的な日本の風物のみならず、現地の人々の生活文化の体験を望む傾向に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8</a:t>
            </a:fld>
            <a:endParaRPr lang="ja-JP" altLang="en-US" b="1" dirty="0"/>
          </a:p>
        </p:txBody>
      </p:sp>
      <p:graphicFrame>
        <p:nvGraphicFramePr>
          <p:cNvPr id="12" name="表 17"/>
          <p:cNvGraphicFramePr>
            <a:graphicFrameLocks noGrp="1"/>
          </p:cNvGraphicFramePr>
          <p:nvPr>
            <p:extLst>
              <p:ext uri="{D42A27DB-BD31-4B8C-83A1-F6EECF244321}">
                <p14:modId xmlns:p14="http://schemas.microsoft.com/office/powerpoint/2010/main" val="3404751142"/>
              </p:ext>
            </p:extLst>
          </p:nvPr>
        </p:nvGraphicFramePr>
        <p:xfrm>
          <a:off x="173754" y="2996953"/>
          <a:ext cx="4254230" cy="3262277"/>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歴史・伝統文化体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季の</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体感</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51914844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7159" y="725499"/>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データでみる「大阪の成長戦略」について</a:t>
            </a:r>
            <a:endParaRPr kumimoji="1" lang="ja-JP" altLang="en-US" sz="2000" b="1" dirty="0">
              <a:solidFill>
                <a:schemeClr val="tx1"/>
              </a:solidFill>
              <a:latin typeface="+mj-ea"/>
              <a:ea typeface="+mj-ea"/>
            </a:endParaRPr>
          </a:p>
        </p:txBody>
      </p:sp>
      <p:sp>
        <p:nvSpPr>
          <p:cNvPr id="6" name="正方形/長方形 5"/>
          <p:cNvSpPr/>
          <p:nvPr/>
        </p:nvSpPr>
        <p:spPr>
          <a:xfrm>
            <a:off x="297456" y="1131970"/>
            <a:ext cx="8748464" cy="861774"/>
          </a:xfrm>
          <a:prstGeom prst="rect">
            <a:avLst/>
          </a:prstGeom>
        </p:spPr>
        <p:txBody>
          <a:bodyPr wrap="square">
            <a:spAutoFit/>
          </a:bodyPr>
          <a:lstStyle/>
          <a:p>
            <a:pPr>
              <a:lnSpc>
                <a:spcPts val="2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データでみる「大阪の成長戦略」は、「大阪の成長戦略」に掲げる成長目標や具体的取組みに関連</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するデータ等の動きをみることで、何</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進んでいて、何が進んでいないのかを確認し、今後の取組みへと活かしていくための資料。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二等辺三角形 17"/>
          <p:cNvSpPr/>
          <p:nvPr/>
        </p:nvSpPr>
        <p:spPr>
          <a:xfrm rot="10800000">
            <a:off x="3158688" y="1961294"/>
            <a:ext cx="2736305" cy="180020"/>
          </a:xfrm>
          <a:prstGeom prst="triangle">
            <a:avLst/>
          </a:prstGeom>
          <a:ln/>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solidFill>
                <a:schemeClr val="tx1"/>
              </a:solidFill>
            </a:endParaRPr>
          </a:p>
        </p:txBody>
      </p:sp>
      <p:sp>
        <p:nvSpPr>
          <p:cNvPr id="19" name="テキスト ボックス 18"/>
          <p:cNvSpPr txBox="1"/>
          <p:nvPr/>
        </p:nvSpPr>
        <p:spPr>
          <a:xfrm>
            <a:off x="323528" y="2195223"/>
            <a:ext cx="8344063" cy="401887"/>
          </a:xfrm>
          <a:prstGeom prst="rect">
            <a:avLst/>
          </a:prstGeom>
        </p:spPr>
        <p:style>
          <a:lnRef idx="1">
            <a:schemeClr val="accent1"/>
          </a:lnRef>
          <a:fillRef idx="2">
            <a:schemeClr val="accent1"/>
          </a:fillRef>
          <a:effectRef idx="1">
            <a:schemeClr val="accent1"/>
          </a:effectRef>
          <a:fontRef idx="minor">
            <a:schemeClr val="dk1"/>
          </a:fontRef>
        </p:style>
        <p:txBody>
          <a:bodyPr wrap="square" lIns="36000" tIns="72000" rIns="72000" bIns="72000" rtlCol="0">
            <a:spAutoFit/>
          </a:bodyPr>
          <a:lstStyle/>
          <a:p>
            <a:pPr algn="ctr">
              <a:lnSpc>
                <a:spcPts val="2000"/>
              </a:lnSpc>
            </a:pP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明らかとなった課題等について更に取組みを強化することで、大阪の成長を確実なものへとつなげていく</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61701" y="3933056"/>
            <a:ext cx="8702787" cy="2756667"/>
          </a:xfrm>
          <a:prstGeom prst="rect">
            <a:avLst/>
          </a:prstGeom>
          <a:noFill/>
          <a:ln>
            <a:solidFill>
              <a:schemeClr val="accent1">
                <a:shade val="50000"/>
              </a:schemeClr>
            </a:solidFill>
          </a:ln>
        </p:spPr>
        <p:txBody>
          <a:bodyPr wrap="none" rtlCol="0">
            <a:noAutofit/>
          </a:bodyPr>
          <a:lstStyle/>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　　年平均２％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69875">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等）によ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域内総生産）押し上げ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　　　年平均１万人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449263" indent="-174625">
              <a:lnSpc>
                <a:spcPts val="15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区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る直接雇用創出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旅行者数</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年間</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が大阪に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へ倍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あわせ、これまでの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設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貨物取扱量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関空</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2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トン</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トン増）</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阪神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9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TEU</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増）</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2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は関空３空港懇談会需要予測を参考に独自設定、阪神港は国際コンテナ戦略港湾の計画書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61701" y="3594503"/>
            <a:ext cx="1872208" cy="338554"/>
          </a:xfrm>
          <a:prstGeom prst="rect">
            <a:avLst/>
          </a:prstGeom>
          <a:solidFill>
            <a:schemeClr val="accent1"/>
          </a:solidFill>
        </p:spPr>
        <p:txBody>
          <a:bodyPr wrap="square" rtlCol="0">
            <a:spAutoFit/>
          </a:bodyPr>
          <a:lstStyle/>
          <a:p>
            <a:pPr algn="ct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目標</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055499" y="3565993"/>
            <a:ext cx="2520242"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概ね</a:t>
            </a:r>
            <a:r>
              <a:rPr lang="en-US" altLang="ja-JP" dirty="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を</a:t>
            </a:r>
            <a:r>
              <a:rPr lang="ja-JP" altLang="en-US" dirty="0">
                <a:latin typeface="Meiryo UI" panose="020B0604030504040204" pitchFamily="50" charset="-128"/>
                <a:ea typeface="Meiryo UI" panose="020B0604030504040204" pitchFamily="50" charset="-128"/>
                <a:cs typeface="Meiryo UI" panose="020B0604030504040204" pitchFamily="50" charset="-128"/>
              </a:rPr>
              <a:t>目途</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47159" y="3092023"/>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大阪の成長戦略」に掲げる成長目標</a:t>
            </a:r>
            <a:endParaRPr kumimoji="1" lang="ja-JP" altLang="en-US" sz="2000" b="1" dirty="0">
              <a:solidFill>
                <a:schemeClr val="tx1"/>
              </a:solidFill>
              <a:latin typeface="+mj-ea"/>
              <a:ea typeface="+mj-ea"/>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a:t>
            </a:fld>
            <a:endParaRPr lang="ja-JP" altLang="en-US" b="1" dirty="0"/>
          </a:p>
        </p:txBody>
      </p:sp>
    </p:spTree>
    <p:extLst>
      <p:ext uri="{BB962C8B-B14F-4D97-AF65-F5344CB8AC3E}">
        <p14:creationId xmlns:p14="http://schemas.microsoft.com/office/powerpoint/2010/main" val="350706935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07504" y="502261"/>
            <a:ext cx="8605191"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6221487"/>
            <a:ext cx="6756160" cy="577081"/>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延べ宿泊者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全国シェア</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外国人延べ宿泊者数」「日本人延べ宿泊者数」に占める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851920" y="2492896"/>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0104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の外国人延べ宿泊者数に占める大阪府での宿泊者数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に次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値。日本人に比べ、外国人は東京や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観光都市に宿泊する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大阪府内の延べ宿泊者数に占める外国人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インバウンド効果を上手く取り込めていると言え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860032"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367251770"/>
              </p:ext>
            </p:extLst>
          </p:nvPr>
        </p:nvGraphicFramePr>
        <p:xfrm>
          <a:off x="5156908" y="2708918"/>
          <a:ext cx="3879588" cy="395080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9</a:t>
            </a:fld>
            <a:endParaRPr lang="ja-JP" altLang="en-US" b="1" dirty="0"/>
          </a:p>
        </p:txBody>
      </p:sp>
      <p:graphicFrame>
        <p:nvGraphicFramePr>
          <p:cNvPr id="20" name="グラフ 19"/>
          <p:cNvGraphicFramePr>
            <a:graphicFrameLocks/>
          </p:cNvGraphicFramePr>
          <p:nvPr>
            <p:extLst>
              <p:ext uri="{D42A27DB-BD31-4B8C-83A1-F6EECF244321}">
                <p14:modId xmlns:p14="http://schemas.microsoft.com/office/powerpoint/2010/main" val="2185763332"/>
              </p:ext>
            </p:extLst>
          </p:nvPr>
        </p:nvGraphicFramePr>
        <p:xfrm>
          <a:off x="51629" y="2725701"/>
          <a:ext cx="5001610" cy="347900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3031669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516487"/>
            <a:ext cx="8640960" cy="553998"/>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より作成</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3746960" y="815666"/>
            <a:ext cx="4300748" cy="253916"/>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85138"/>
            <a:ext cx="8784468" cy="90024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受け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を対象とす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タイプ別の稼働率では、「旅館、ビジネスホテル、会社・団体の宿泊所」を除く施設で全国トップ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はリゾートホテル利用者の割合が低い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ホテルや旅館の利用割合が高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2850835482"/>
              </p:ext>
            </p:extLst>
          </p:nvPr>
        </p:nvGraphicFramePr>
        <p:xfrm>
          <a:off x="107501" y="2636912"/>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旅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ゾート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ネス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ティ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簡易宿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5</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4</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島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奈良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岡山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佐賀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80.1</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extLst>
              <p:ext uri="{D42A27DB-BD31-4B8C-83A1-F6EECF244321}">
                <p14:modId xmlns:p14="http://schemas.microsoft.com/office/powerpoint/2010/main" val="359201416"/>
              </p:ext>
            </p:extLst>
          </p:nvPr>
        </p:nvGraphicFramePr>
        <p:xfrm>
          <a:off x="107504" y="5005286"/>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309880">
                <a:tc rowSpan="3">
                  <a:txBody>
                    <a:bodyPr/>
                    <a:lstStyle/>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10" name="テキスト ボックス 9"/>
          <p:cNvSpPr txBox="1"/>
          <p:nvPr/>
        </p:nvSpPr>
        <p:spPr>
          <a:xfrm>
            <a:off x="7704856" y="4725144"/>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4.2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30</a:t>
            </a:fld>
            <a:endParaRPr lang="ja-JP" altLang="en-US" b="1" dirty="0"/>
          </a:p>
        </p:txBody>
      </p:sp>
      <p:sp>
        <p:nvSpPr>
          <p:cNvPr id="12" name="テキスト ボックス 11"/>
          <p:cNvSpPr txBox="1"/>
          <p:nvPr/>
        </p:nvSpPr>
        <p:spPr>
          <a:xfrm>
            <a:off x="1763688" y="4733959"/>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6.2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2307323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2434801906"/>
              </p:ext>
            </p:extLst>
          </p:nvPr>
        </p:nvGraphicFramePr>
        <p:xfrm>
          <a:off x="323526" y="2420889"/>
          <a:ext cx="8626078" cy="2448271"/>
        </p:xfrm>
        <a:graphic>
          <a:graphicData uri="http://schemas.openxmlformats.org/drawingml/2006/table">
            <a:tbl>
              <a:tblPr>
                <a:tableStyleId>{5C22544A-7EE6-4342-B048-85BDC9FD1C3A}</a:tableStyleId>
              </a:tblPr>
              <a:tblGrid>
                <a:gridCol w="265420">
                  <a:extLst>
                    <a:ext uri="{9D8B030D-6E8A-4147-A177-3AD203B41FA5}">
                      <a16:colId xmlns:a16="http://schemas.microsoft.com/office/drawing/2014/main" val="20000"/>
                    </a:ext>
                  </a:extLst>
                </a:gridCol>
                <a:gridCol w="1028090">
                  <a:extLst>
                    <a:ext uri="{9D8B030D-6E8A-4147-A177-3AD203B41FA5}">
                      <a16:colId xmlns:a16="http://schemas.microsoft.com/office/drawing/2014/main" val="20001"/>
                    </a:ext>
                  </a:extLst>
                </a:gridCol>
                <a:gridCol w="916571">
                  <a:extLst>
                    <a:ext uri="{9D8B030D-6E8A-4147-A177-3AD203B41FA5}">
                      <a16:colId xmlns:a16="http://schemas.microsoft.com/office/drawing/2014/main" val="20002"/>
                    </a:ext>
                  </a:extLst>
                </a:gridCol>
                <a:gridCol w="916571">
                  <a:extLst>
                    <a:ext uri="{9D8B030D-6E8A-4147-A177-3AD203B41FA5}">
                      <a16:colId xmlns:a16="http://schemas.microsoft.com/office/drawing/2014/main" val="20003"/>
                    </a:ext>
                  </a:extLst>
                </a:gridCol>
                <a:gridCol w="916571">
                  <a:extLst>
                    <a:ext uri="{9D8B030D-6E8A-4147-A177-3AD203B41FA5}">
                      <a16:colId xmlns:a16="http://schemas.microsoft.com/office/drawing/2014/main" val="20004"/>
                    </a:ext>
                  </a:extLst>
                </a:gridCol>
                <a:gridCol w="916571">
                  <a:extLst>
                    <a:ext uri="{9D8B030D-6E8A-4147-A177-3AD203B41FA5}">
                      <a16:colId xmlns:a16="http://schemas.microsoft.com/office/drawing/2014/main" val="20005"/>
                    </a:ext>
                  </a:extLst>
                </a:gridCol>
                <a:gridCol w="916571">
                  <a:extLst>
                    <a:ext uri="{9D8B030D-6E8A-4147-A177-3AD203B41FA5}">
                      <a16:colId xmlns:a16="http://schemas.microsoft.com/office/drawing/2014/main" val="20006"/>
                    </a:ext>
                  </a:extLst>
                </a:gridCol>
                <a:gridCol w="916571">
                  <a:extLst>
                    <a:ext uri="{9D8B030D-6E8A-4147-A177-3AD203B41FA5}">
                      <a16:colId xmlns:a16="http://schemas.microsoft.com/office/drawing/2014/main" val="20007"/>
                    </a:ext>
                  </a:extLst>
                </a:gridCol>
                <a:gridCol w="916571">
                  <a:extLst>
                    <a:ext uri="{9D8B030D-6E8A-4147-A177-3AD203B41FA5}">
                      <a16:colId xmlns:a16="http://schemas.microsoft.com/office/drawing/2014/main" val="977273192"/>
                    </a:ext>
                  </a:extLst>
                </a:gridCol>
                <a:gridCol w="916571">
                  <a:extLst>
                    <a:ext uri="{9D8B030D-6E8A-4147-A177-3AD203B41FA5}">
                      <a16:colId xmlns:a16="http://schemas.microsoft.com/office/drawing/2014/main" val="2974679962"/>
                    </a:ext>
                  </a:extLst>
                </a:gridCol>
              </a:tblGrid>
              <a:tr h="349753">
                <a:tc gridSpan="2">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0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56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5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60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99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31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12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9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86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8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17" name="正方形/長方形 16"/>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に届け出のあるホテル・旅館の施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98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届出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7"/>
          <p:cNvGraphicFramePr>
            <a:graphicFrameLocks noGrp="1"/>
          </p:cNvGraphicFramePr>
          <p:nvPr>
            <p:extLst>
              <p:ext uri="{D42A27DB-BD31-4B8C-83A1-F6EECF244321}">
                <p14:modId xmlns:p14="http://schemas.microsoft.com/office/powerpoint/2010/main" val="973619669"/>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0</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0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15" name="正方形/長方形 14"/>
          <p:cNvSpPr/>
          <p:nvPr/>
        </p:nvSpPr>
        <p:spPr>
          <a:xfrm>
            <a:off x="35496" y="4921423"/>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府内市町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どから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644008" y="5229200"/>
            <a:ext cx="3744416" cy="1061829"/>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20/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smtClean="0"/>
              <a:t>31</a:t>
            </a:r>
            <a:endParaRPr lang="ja-JP" altLang="en-US" b="1" dirty="0"/>
          </a:p>
        </p:txBody>
      </p:sp>
    </p:spTree>
    <p:extLst>
      <p:ext uri="{BB962C8B-B14F-4D97-AF65-F5344CB8AC3E}">
        <p14:creationId xmlns:p14="http://schemas.microsoft.com/office/powerpoint/2010/main" val="71843224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件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会議統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209137172"/>
              </p:ext>
            </p:extLst>
          </p:nvPr>
        </p:nvGraphicFramePr>
        <p:xfrm>
          <a:off x="317508" y="5505530"/>
          <a:ext cx="4824536" cy="1184529"/>
        </p:xfrm>
        <a:graphic>
          <a:graphicData uri="http://schemas.openxmlformats.org/drawingml/2006/table">
            <a:tbl>
              <a:tblPr firstRow="1" bandRow="1">
                <a:tableStyleId>{5C22544A-7EE6-4342-B048-85BDC9FD1C3A}</a:tableStyleId>
              </a:tblPr>
              <a:tblGrid>
                <a:gridCol w="1590196">
                  <a:extLst>
                    <a:ext uri="{9D8B030D-6E8A-4147-A177-3AD203B41FA5}">
                      <a16:colId xmlns:a16="http://schemas.microsoft.com/office/drawing/2014/main" val="20000"/>
                    </a:ext>
                  </a:extLst>
                </a:gridCol>
                <a:gridCol w="3234340">
                  <a:extLst>
                    <a:ext uri="{9D8B030D-6E8A-4147-A177-3AD203B41FA5}">
                      <a16:colId xmlns:a16="http://schemas.microsoft.com/office/drawing/2014/main" val="20001"/>
                    </a:ext>
                  </a:extLst>
                </a:gridCol>
              </a:tblGrid>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日程</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の</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場</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テックス大阪</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国・参加者</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国際機関</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16" name="正方形/長方形 15"/>
          <p:cNvSpPr/>
          <p:nvPr/>
        </p:nvSpPr>
        <p:spPr>
          <a:xfrm>
            <a:off x="94519" y="926664"/>
            <a:ext cx="8875302"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開催件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福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結果となり、伸び悩み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を契機に、今後の国際会議の増加が期待さ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5196799"/>
            <a:ext cx="517855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サミッ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開催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460216447"/>
              </p:ext>
            </p:extLst>
          </p:nvPr>
        </p:nvGraphicFramePr>
        <p:xfrm>
          <a:off x="174179" y="2368625"/>
          <a:ext cx="8795642" cy="2802043"/>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98097676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07504" y="548680"/>
            <a:ext cx="8928992"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市魅力向上のイベントにおける集客数（年度ベース）</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報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表、大阪マラソン組織委員会資料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07504" y="4780746"/>
            <a:ext cx="8662262" cy="759182"/>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ルネサンス」と「御堂筋イルミネーション」を核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各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団体等が主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グラ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連携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光の饗宴」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饗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の来場者数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波及効果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5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2.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饗宴実行委員会発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dblStrike"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531790830"/>
              </p:ext>
            </p:extLst>
          </p:nvPr>
        </p:nvGraphicFramePr>
        <p:xfrm>
          <a:off x="179512" y="2708919"/>
          <a:ext cx="8749209" cy="1944217"/>
        </p:xfrm>
        <a:graphic>
          <a:graphicData uri="http://schemas.openxmlformats.org/drawingml/2006/table">
            <a:tbl>
              <a:tblPr firstRow="1" firstCol="1" bandRow="1"/>
              <a:tblGrid>
                <a:gridCol w="1592979">
                  <a:extLst>
                    <a:ext uri="{9D8B030D-6E8A-4147-A177-3AD203B41FA5}">
                      <a16:colId xmlns:a16="http://schemas.microsoft.com/office/drawing/2014/main" val="20000"/>
                    </a:ext>
                  </a:extLst>
                </a:gridCol>
                <a:gridCol w="715623">
                  <a:extLst>
                    <a:ext uri="{9D8B030D-6E8A-4147-A177-3AD203B41FA5}">
                      <a16:colId xmlns:a16="http://schemas.microsoft.com/office/drawing/2014/main" val="20001"/>
                    </a:ext>
                  </a:extLst>
                </a:gridCol>
                <a:gridCol w="715623">
                  <a:extLst>
                    <a:ext uri="{9D8B030D-6E8A-4147-A177-3AD203B41FA5}">
                      <a16:colId xmlns:a16="http://schemas.microsoft.com/office/drawing/2014/main" val="20002"/>
                    </a:ext>
                  </a:extLst>
                </a:gridCol>
                <a:gridCol w="715623">
                  <a:extLst>
                    <a:ext uri="{9D8B030D-6E8A-4147-A177-3AD203B41FA5}">
                      <a16:colId xmlns:a16="http://schemas.microsoft.com/office/drawing/2014/main" val="20003"/>
                    </a:ext>
                  </a:extLst>
                </a:gridCol>
                <a:gridCol w="715623">
                  <a:extLst>
                    <a:ext uri="{9D8B030D-6E8A-4147-A177-3AD203B41FA5}">
                      <a16:colId xmlns:a16="http://schemas.microsoft.com/office/drawing/2014/main" val="20004"/>
                    </a:ext>
                  </a:extLst>
                </a:gridCol>
                <a:gridCol w="715623">
                  <a:extLst>
                    <a:ext uri="{9D8B030D-6E8A-4147-A177-3AD203B41FA5}">
                      <a16:colId xmlns:a16="http://schemas.microsoft.com/office/drawing/2014/main" val="20005"/>
                    </a:ext>
                  </a:extLst>
                </a:gridCol>
                <a:gridCol w="715623">
                  <a:extLst>
                    <a:ext uri="{9D8B030D-6E8A-4147-A177-3AD203B41FA5}">
                      <a16:colId xmlns:a16="http://schemas.microsoft.com/office/drawing/2014/main" val="20006"/>
                    </a:ext>
                  </a:extLst>
                </a:gridCol>
                <a:gridCol w="715623">
                  <a:extLst>
                    <a:ext uri="{9D8B030D-6E8A-4147-A177-3AD203B41FA5}">
                      <a16:colId xmlns:a16="http://schemas.microsoft.com/office/drawing/2014/main" val="20007"/>
                    </a:ext>
                  </a:extLst>
                </a:gridCol>
                <a:gridCol w="715623">
                  <a:extLst>
                    <a:ext uri="{9D8B030D-6E8A-4147-A177-3AD203B41FA5}">
                      <a16:colId xmlns:a16="http://schemas.microsoft.com/office/drawing/2014/main" val="20008"/>
                    </a:ext>
                  </a:extLst>
                </a:gridCol>
                <a:gridCol w="715623">
                  <a:extLst>
                    <a:ext uri="{9D8B030D-6E8A-4147-A177-3AD203B41FA5}">
                      <a16:colId xmlns:a16="http://schemas.microsoft.com/office/drawing/2014/main" val="3534039026"/>
                    </a:ext>
                  </a:extLst>
                </a:gridCol>
                <a:gridCol w="715623">
                  <a:extLst>
                    <a:ext uri="{9D8B030D-6E8A-4147-A177-3AD203B41FA5}">
                      <a16:colId xmlns:a16="http://schemas.microsoft.com/office/drawing/2014/main" val="2206816690"/>
                    </a:ext>
                  </a:extLst>
                </a:gridCol>
              </a:tblGrid>
              <a:tr h="478888">
                <a:tc>
                  <a:txBody>
                    <a:bodyPr/>
                    <a:lstStyle/>
                    <a:p>
                      <a:pPr algn="just">
                        <a:lnSpc>
                          <a:spcPct val="100000"/>
                        </a:lnSpc>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457593">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光のルネサンス</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6</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3</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1</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500536">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御堂筋イルミネーショ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9</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5</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0</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507200">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マラソ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1</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107504" y="1124744"/>
            <a:ext cx="8928992" cy="132692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のルネサンス、御堂筋イルミネーションともに、前年度の集客数を大幅に上回り、「大阪・光の饗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イベントを通した経済波及効果は、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増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5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ラソン（関連イベントを含む）における集客状況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をや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ルマラソンランナ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申込者数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を大きく上回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超と、府内外から人を集める大きなイベントとして機能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3</a:t>
            </a:fld>
            <a:endParaRPr lang="ja-JP" altLang="en-US" dirty="0"/>
          </a:p>
        </p:txBody>
      </p:sp>
    </p:spTree>
    <p:extLst>
      <p:ext uri="{BB962C8B-B14F-4D97-AF65-F5344CB8AC3E}">
        <p14:creationId xmlns:p14="http://schemas.microsoft.com/office/powerpoint/2010/main" val="341427003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07504" y="482593"/>
            <a:ext cx="7272808"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公共空間の民間活用等（大阪城公園パークマネジメント（</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0" y="2401143"/>
            <a:ext cx="3384376"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天守閣　年間入館者数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0" y="3913311"/>
            <a:ext cx="5544616"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導入前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収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比較</a:t>
            </a:r>
            <a:endParaRPr kumimoji="1"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69404" y="1124744"/>
            <a:ext cx="8928992" cy="118290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で構成される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城パークマネジメン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体（</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が指定管理者として管理運営を実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による公園ストックの活用により、インバウンドをはじめとした観光客を呼び込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は大阪城天守閣入館者数は過去最高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5.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4716015" y="2401143"/>
            <a:ext cx="4140695"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での新たな取組み例（抜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nvPr>
        </p:nvGraphicFramePr>
        <p:xfrm>
          <a:off x="4788024" y="2708923"/>
          <a:ext cx="4248473" cy="3764926"/>
        </p:xfrm>
        <a:graphic>
          <a:graphicData uri="http://schemas.openxmlformats.org/drawingml/2006/table">
            <a:tbl>
              <a:tblPr firstRow="1" bandRow="1">
                <a:tableStyleId>{5C22544A-7EE6-4342-B048-85BDC9FD1C3A}</a:tableStyleId>
              </a:tblPr>
              <a:tblGrid>
                <a:gridCol w="1368153">
                  <a:extLst>
                    <a:ext uri="{9D8B030D-6E8A-4147-A177-3AD203B41FA5}">
                      <a16:colId xmlns:a16="http://schemas.microsoft.com/office/drawing/2014/main" val="20000"/>
                    </a:ext>
                  </a:extLst>
                </a:gridCol>
                <a:gridCol w="2880320">
                  <a:extLst>
                    <a:ext uri="{9D8B030D-6E8A-4147-A177-3AD203B41FA5}">
                      <a16:colId xmlns:a16="http://schemas.microsoft.com/office/drawing/2014/main" val="20001"/>
                    </a:ext>
                  </a:extLst>
                </a:gridCol>
              </a:tblGrid>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3</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内売店を順次リニューアル</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迎賓館リニューアル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7</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内交通システム運行開始</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TERRACE</a:t>
                      </a:r>
                      <a:r>
                        <a:rPr kumimoji="1" lang="en-US" altLang="ja-JP"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OSAKA </a:t>
                      </a:r>
                      <a:r>
                        <a:rPr kumimoji="1" lang="ja-JP" altLang="en-US"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7239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0</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a:t>
                      </a:r>
                      <a:r>
                        <a:rPr kumimoji="1" lang="ja-JP" altLang="en-US"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JO</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森ノ宮噴水エリアにカフェ等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bl>
          </a:graphicData>
        </a:graphic>
      </p:graphicFrame>
      <p:pic>
        <p:nvPicPr>
          <p:cNvPr id="17" name="図 1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48780" y="5521678"/>
            <a:ext cx="1656184" cy="1104123"/>
          </a:xfrm>
          <a:prstGeom prst="rect">
            <a:avLst/>
          </a:prstGeom>
        </p:spPr>
      </p:pic>
      <p:sp>
        <p:nvSpPr>
          <p:cNvPr id="23" name="正方形/長方形 22"/>
          <p:cNvSpPr/>
          <p:nvPr/>
        </p:nvSpPr>
        <p:spPr>
          <a:xfrm>
            <a:off x="1876973" y="6185261"/>
            <a:ext cx="2030530" cy="400110"/>
          </a:xfrm>
          <a:prstGeom prst="rect">
            <a:avLst/>
          </a:prstGeom>
        </p:spPr>
        <p:txBody>
          <a:bodyPr wrap="square">
            <a:spAutoFit/>
          </a:bodyPr>
          <a:lstStyle/>
          <a:p>
            <a:pPr marL="88900" indent="-88900">
              <a:lnSpc>
                <a:spcPts val="1200"/>
              </a:lnSpc>
            </a:pPr>
            <a:r>
              <a:rPr lang="en-US" altLang="ja-JP" sz="800" b="1" dirty="0" smtClean="0">
                <a:latin typeface="ＭＳ Ｐゴシック" panose="020B0600070205080204" pitchFamily="50" charset="-128"/>
                <a:ea typeface="ＭＳ Ｐゴシック" panose="020B0600070205080204" pitchFamily="50" charset="-128"/>
              </a:rPr>
              <a:t>2019</a:t>
            </a:r>
            <a:r>
              <a:rPr lang="ja-JP" altLang="en-US" sz="800" b="1" dirty="0" smtClean="0">
                <a:latin typeface="ＭＳ Ｐゴシック" panose="020B0600070205080204" pitchFamily="50" charset="-128"/>
                <a:ea typeface="ＭＳ Ｐゴシック" panose="020B0600070205080204" pitchFamily="50" charset="-128"/>
              </a:rPr>
              <a:t>年</a:t>
            </a:r>
            <a:r>
              <a:rPr lang="en-US" altLang="ja-JP" sz="800" b="1" dirty="0" smtClean="0">
                <a:latin typeface="ＭＳ Ｐゴシック" panose="020B0600070205080204" pitchFamily="50" charset="-128"/>
                <a:ea typeface="ＭＳ Ｐゴシック" panose="020B0600070205080204" pitchFamily="50" charset="-128"/>
              </a:rPr>
              <a:t>2</a:t>
            </a:r>
            <a:r>
              <a:rPr lang="ja-JP" altLang="en-US" sz="800" b="1" dirty="0" smtClean="0">
                <a:latin typeface="ＭＳ Ｐゴシック" panose="020B0600070205080204" pitchFamily="50" charset="-128"/>
                <a:ea typeface="ＭＳ Ｐゴシック" panose="020B0600070205080204" pitchFamily="50" charset="-128"/>
              </a:rPr>
              <a:t>月</a:t>
            </a:r>
            <a:r>
              <a:rPr lang="zh-TW" altLang="en-US" sz="800" b="1" dirty="0" smtClean="0">
                <a:latin typeface="ＭＳ Ｐゴシック" panose="020B0600070205080204" pitchFamily="50" charset="-128"/>
                <a:ea typeface="ＭＳ Ｐゴシック" panose="020B0600070205080204" pitchFamily="50" charset="-128"/>
              </a:rPr>
              <a:t>劇場型</a:t>
            </a:r>
            <a:r>
              <a:rPr lang="zh-TW" altLang="en-US" sz="800" b="1" dirty="0">
                <a:latin typeface="ＭＳ Ｐゴシック" panose="020B0600070205080204" pitchFamily="50" charset="-128"/>
                <a:ea typeface="ＭＳ Ｐゴシック" panose="020B0600070205080204" pitchFamily="50" charset="-128"/>
              </a:rPr>
              <a:t>文化集客施設</a:t>
            </a:r>
          </a:p>
          <a:p>
            <a:pPr marL="88900" indent="-88900">
              <a:lnSpc>
                <a:spcPts val="1200"/>
              </a:lnSpc>
            </a:pPr>
            <a:r>
              <a:rPr lang="zh-TW" altLang="en-US" sz="800" b="1" dirty="0" smtClean="0">
                <a:latin typeface="ＭＳ Ｐゴシック" panose="020B0600070205080204" pitchFamily="50" charset="-128"/>
                <a:ea typeface="ＭＳ Ｐゴシック" panose="020B0600070205080204" pitchFamily="50" charset="-128"/>
              </a:rPr>
              <a:t>「</a:t>
            </a:r>
            <a:r>
              <a:rPr lang="en-US" altLang="zh-TW" sz="800" b="1" dirty="0">
                <a:latin typeface="ＭＳ Ｐゴシック" panose="020B0600070205080204" pitchFamily="50" charset="-128"/>
                <a:ea typeface="ＭＳ Ｐゴシック" panose="020B0600070205080204" pitchFamily="50" charset="-128"/>
              </a:rPr>
              <a:t>COOL JAPAN </a:t>
            </a:r>
            <a:r>
              <a:rPr lang="en-US" altLang="zh-TW" sz="800" b="1" dirty="0" smtClean="0">
                <a:latin typeface="ＭＳ Ｐゴシック" panose="020B0600070205080204" pitchFamily="50" charset="-128"/>
                <a:ea typeface="ＭＳ Ｐゴシック" panose="020B0600070205080204" pitchFamily="50" charset="-128"/>
              </a:rPr>
              <a:t>PARK OSAKA</a:t>
            </a:r>
            <a:r>
              <a:rPr lang="ja-JP" altLang="en-US" sz="800" b="1" dirty="0" smtClean="0">
                <a:latin typeface="ＭＳ Ｐゴシック" panose="020B0600070205080204" pitchFamily="50" charset="-128"/>
                <a:ea typeface="ＭＳ Ｐゴシック" panose="020B0600070205080204" pitchFamily="50" charset="-128"/>
              </a:rPr>
              <a:t>」　</a:t>
            </a:r>
            <a:r>
              <a:rPr lang="ja-JP" altLang="ja-JP" sz="800" b="1" dirty="0" smtClean="0">
                <a:latin typeface="ＭＳ Ｐゴシック" panose="020B0600070205080204" pitchFamily="50" charset="-128"/>
                <a:ea typeface="ＭＳ Ｐゴシック" panose="020B0600070205080204" pitchFamily="50" charset="-128"/>
              </a:rPr>
              <a:t>オープン</a:t>
            </a:r>
            <a:endParaRPr lang="en-US" altLang="ja-JP" sz="800" b="1"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1488052918"/>
              </p:ext>
            </p:extLst>
          </p:nvPr>
        </p:nvGraphicFramePr>
        <p:xfrm>
          <a:off x="107504" y="2708920"/>
          <a:ext cx="4536502" cy="1013826"/>
        </p:xfrm>
        <a:graphic>
          <a:graphicData uri="http://schemas.openxmlformats.org/drawingml/2006/table">
            <a:tbl>
              <a:tblPr firstRow="1" bandRow="1">
                <a:tableStyleId>{5C22544A-7EE6-4342-B048-85BDC9FD1C3A}</a:tableStyleId>
              </a:tblPr>
              <a:tblGrid>
                <a:gridCol w="725839">
                  <a:extLst>
                    <a:ext uri="{9D8B030D-6E8A-4147-A177-3AD203B41FA5}">
                      <a16:colId xmlns:a16="http://schemas.microsoft.com/office/drawing/2014/main" val="20000"/>
                    </a:ext>
                  </a:extLst>
                </a:gridCol>
                <a:gridCol w="786327">
                  <a:extLst>
                    <a:ext uri="{9D8B030D-6E8A-4147-A177-3AD203B41FA5}">
                      <a16:colId xmlns:a16="http://schemas.microsoft.com/office/drawing/2014/main" val="20001"/>
                    </a:ext>
                  </a:extLst>
                </a:gridCol>
                <a:gridCol w="786327">
                  <a:extLst>
                    <a:ext uri="{9D8B030D-6E8A-4147-A177-3AD203B41FA5}">
                      <a16:colId xmlns:a16="http://schemas.microsoft.com/office/drawing/2014/main" val="20002"/>
                    </a:ext>
                  </a:extLst>
                </a:gridCol>
                <a:gridCol w="786327">
                  <a:extLst>
                    <a:ext uri="{9D8B030D-6E8A-4147-A177-3AD203B41FA5}">
                      <a16:colId xmlns:a16="http://schemas.microsoft.com/office/drawing/2014/main" val="20003"/>
                    </a:ext>
                  </a:extLst>
                </a:gridCol>
                <a:gridCol w="725841">
                  <a:extLst>
                    <a:ext uri="{9D8B030D-6E8A-4147-A177-3AD203B41FA5}">
                      <a16:colId xmlns:a16="http://schemas.microsoft.com/office/drawing/2014/main" val="1876423766"/>
                    </a:ext>
                  </a:extLst>
                </a:gridCol>
                <a:gridCol w="725841">
                  <a:extLst>
                    <a:ext uri="{9D8B030D-6E8A-4147-A177-3AD203B41FA5}">
                      <a16:colId xmlns:a16="http://schemas.microsoft.com/office/drawing/2014/main" val="945880300"/>
                    </a:ext>
                  </a:extLst>
                </a:gridCol>
              </a:tblGrid>
              <a:tr h="556626">
                <a:tc>
                  <a:txBody>
                    <a:bodyPr/>
                    <a:lstStyle/>
                    <a:p>
                      <a:pPr algn="ctr"/>
                      <a:r>
                        <a:rPr kumimoji="1" lang="en-US" altLang="ja-JP" sz="1200" b="0" dirty="0" smtClean="0">
                          <a:solidFill>
                            <a:schemeClr val="tx1"/>
                          </a:solidFill>
                        </a:rPr>
                        <a:t>2014</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5</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6</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7</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8</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9</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451486">
                <a:tc>
                  <a:txBody>
                    <a:bodyPr/>
                    <a:lstStyle/>
                    <a:p>
                      <a:pPr algn="ctr"/>
                      <a:r>
                        <a:rPr kumimoji="1" lang="en-US" altLang="ja-JP" sz="1200" b="0" dirty="0" smtClean="0">
                          <a:solidFill>
                            <a:schemeClr val="tx1"/>
                          </a:solidFill>
                        </a:rPr>
                        <a:t>183.8</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33.8</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55.7</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75.4</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55.0</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18.1</a:t>
                      </a:r>
                    </a:p>
                    <a:p>
                      <a:pPr algn="ct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aphicFrame>
        <p:nvGraphicFramePr>
          <p:cNvPr id="20" name="表 19"/>
          <p:cNvGraphicFramePr>
            <a:graphicFrameLocks noGrp="1"/>
          </p:cNvGraphicFramePr>
          <p:nvPr>
            <p:extLst>
              <p:ext uri="{D42A27DB-BD31-4B8C-83A1-F6EECF244321}">
                <p14:modId xmlns:p14="http://schemas.microsoft.com/office/powerpoint/2010/main" val="2915811726"/>
              </p:ext>
            </p:extLst>
          </p:nvPr>
        </p:nvGraphicFramePr>
        <p:xfrm>
          <a:off x="107504" y="4221088"/>
          <a:ext cx="4567526" cy="1008112"/>
        </p:xfrm>
        <a:graphic>
          <a:graphicData uri="http://schemas.openxmlformats.org/drawingml/2006/table">
            <a:tbl>
              <a:tblPr firstRow="1" bandRow="1">
                <a:tableStyleId>{5C22544A-7EE6-4342-B048-85BDC9FD1C3A}</a:tableStyleId>
              </a:tblPr>
              <a:tblGrid>
                <a:gridCol w="711823">
                  <a:extLst>
                    <a:ext uri="{9D8B030D-6E8A-4147-A177-3AD203B41FA5}">
                      <a16:colId xmlns:a16="http://schemas.microsoft.com/office/drawing/2014/main" val="20000"/>
                    </a:ext>
                  </a:extLst>
                </a:gridCol>
                <a:gridCol w="771141">
                  <a:extLst>
                    <a:ext uri="{9D8B030D-6E8A-4147-A177-3AD203B41FA5}">
                      <a16:colId xmlns:a16="http://schemas.microsoft.com/office/drawing/2014/main" val="20001"/>
                    </a:ext>
                  </a:extLst>
                </a:gridCol>
                <a:gridCol w="771141">
                  <a:extLst>
                    <a:ext uri="{9D8B030D-6E8A-4147-A177-3AD203B41FA5}">
                      <a16:colId xmlns:a16="http://schemas.microsoft.com/office/drawing/2014/main" val="20002"/>
                    </a:ext>
                  </a:extLst>
                </a:gridCol>
                <a:gridCol w="771141">
                  <a:extLst>
                    <a:ext uri="{9D8B030D-6E8A-4147-A177-3AD203B41FA5}">
                      <a16:colId xmlns:a16="http://schemas.microsoft.com/office/drawing/2014/main" val="20003"/>
                    </a:ext>
                  </a:extLst>
                </a:gridCol>
                <a:gridCol w="771140">
                  <a:extLst>
                    <a:ext uri="{9D8B030D-6E8A-4147-A177-3AD203B41FA5}">
                      <a16:colId xmlns:a16="http://schemas.microsoft.com/office/drawing/2014/main" val="375200344"/>
                    </a:ext>
                  </a:extLst>
                </a:gridCol>
                <a:gridCol w="771140">
                  <a:extLst>
                    <a:ext uri="{9D8B030D-6E8A-4147-A177-3AD203B41FA5}">
                      <a16:colId xmlns:a16="http://schemas.microsoft.com/office/drawing/2014/main" val="3001305518"/>
                    </a:ext>
                  </a:extLst>
                </a:gridCol>
              </a:tblGrid>
              <a:tr h="504056">
                <a:tc>
                  <a:txBody>
                    <a:bodyPr/>
                    <a:lstStyle/>
                    <a:p>
                      <a:pPr algn="ctr"/>
                      <a:r>
                        <a:rPr kumimoji="1" lang="en-US" altLang="ja-JP" sz="1200" b="0" dirty="0" smtClean="0">
                          <a:solidFill>
                            <a:schemeClr val="tx1"/>
                          </a:solidFill>
                        </a:rPr>
                        <a:t>2014</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5</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6</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7</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8</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9</a:t>
                      </a:r>
                    </a:p>
                    <a:p>
                      <a:pPr algn="ct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04056">
                <a:tc>
                  <a:txBody>
                    <a:bodyPr/>
                    <a:lstStyle/>
                    <a:p>
                      <a:pPr algn="ctr"/>
                      <a:r>
                        <a:rPr kumimoji="1" lang="ja-JP" altLang="en-US" sz="1000" b="0" dirty="0" smtClean="0">
                          <a:solidFill>
                            <a:schemeClr val="tx1"/>
                          </a:solidFill>
                        </a:rPr>
                        <a:t>▲</a:t>
                      </a:r>
                      <a:r>
                        <a:rPr kumimoji="1" lang="en-US" altLang="ja-JP" sz="1000" b="0" dirty="0" smtClean="0">
                          <a:solidFill>
                            <a:schemeClr val="tx1"/>
                          </a:solidFill>
                        </a:rPr>
                        <a:t>40</a:t>
                      </a:r>
                      <a:r>
                        <a:rPr kumimoji="1" lang="ja-JP" altLang="en-US" sz="1000" b="0" dirty="0" smtClean="0">
                          <a:solidFill>
                            <a:schemeClr val="tx1"/>
                          </a:solidFill>
                        </a:rPr>
                        <a:t>百万円</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161</a:t>
                      </a:r>
                      <a:r>
                        <a:rPr kumimoji="1" lang="ja-JP" altLang="en-US" sz="1000" b="0" strike="noStrike" dirty="0" smtClean="0">
                          <a:solidFill>
                            <a:schemeClr val="tx1"/>
                          </a:solidFill>
                        </a:rPr>
                        <a:t>百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172</a:t>
                      </a:r>
                      <a:r>
                        <a:rPr kumimoji="1" lang="ja-JP" altLang="en-US" sz="1000" b="0" strike="noStrike" dirty="0" smtClean="0">
                          <a:solidFill>
                            <a:schemeClr val="tx1"/>
                          </a:solidFill>
                        </a:rPr>
                        <a:t>百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179</a:t>
                      </a:r>
                      <a:r>
                        <a:rPr kumimoji="1" lang="ja-JP" altLang="en-US" sz="1000" b="0" strike="noStrike" dirty="0" smtClean="0">
                          <a:solidFill>
                            <a:schemeClr val="tx1"/>
                          </a:solidFill>
                        </a:rPr>
                        <a:t>百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210</a:t>
                      </a:r>
                      <a:r>
                        <a:rPr kumimoji="1" lang="ja-JP" altLang="en-US" sz="1000" b="0" strike="noStrike" dirty="0" smtClean="0">
                          <a:solidFill>
                            <a:schemeClr val="tx1"/>
                          </a:solidFill>
                        </a:rPr>
                        <a:t>百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155</a:t>
                      </a:r>
                      <a:r>
                        <a:rPr kumimoji="1" lang="ja-JP" altLang="en-US" sz="1000" b="0" strike="noStrike" dirty="0" smtClean="0">
                          <a:solidFill>
                            <a:schemeClr val="tx1"/>
                          </a:solidFill>
                        </a:rPr>
                        <a:t>百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24" name="スライド番号プレースホルダー 1"/>
          <p:cNvSpPr txBox="1">
            <a:spLocks/>
          </p:cNvSpPr>
          <p:nvPr/>
        </p:nvSpPr>
        <p:spPr>
          <a:xfrm>
            <a:off x="7002626"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34</a:t>
            </a:fld>
            <a:endParaRPr lang="ja-JP" altLang="en-US" dirty="0"/>
          </a:p>
        </p:txBody>
      </p:sp>
    </p:spTree>
    <p:extLst>
      <p:ext uri="{BB962C8B-B14F-4D97-AF65-F5344CB8AC3E}">
        <p14:creationId xmlns:p14="http://schemas.microsoft.com/office/powerpoint/2010/main" val="429052949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46939" y="2464966"/>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903118571"/>
              </p:ext>
            </p:extLst>
          </p:nvPr>
        </p:nvGraphicFramePr>
        <p:xfrm>
          <a:off x="378029" y="2778847"/>
          <a:ext cx="5994171" cy="1138698"/>
        </p:xfrm>
        <a:graphic>
          <a:graphicData uri="http://schemas.openxmlformats.org/drawingml/2006/table">
            <a:tbl>
              <a:tblPr firstRow="1" bandRow="1">
                <a:tableStyleId>{5940675A-B579-460E-94D1-54222C63F5DA}</a:tableStyleId>
              </a:tblPr>
              <a:tblGrid>
                <a:gridCol w="2249755">
                  <a:extLst>
                    <a:ext uri="{9D8B030D-6E8A-4147-A177-3AD203B41FA5}">
                      <a16:colId xmlns:a16="http://schemas.microsoft.com/office/drawing/2014/main" val="20000"/>
                    </a:ext>
                  </a:extLst>
                </a:gridCol>
                <a:gridCol w="3744416">
                  <a:extLst>
                    <a:ext uri="{9D8B030D-6E8A-4147-A177-3AD203B41FA5}">
                      <a16:colId xmlns:a16="http://schemas.microsoft.com/office/drawing/2014/main" val="20001"/>
                    </a:ext>
                  </a:extLst>
                </a:gridCol>
              </a:tblGrid>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15738">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９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月未定</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略称：大阪・関西万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正方形/長方形 13"/>
          <p:cNvSpPr/>
          <p:nvPr/>
        </p:nvSpPr>
        <p:spPr>
          <a:xfrm>
            <a:off x="312075" y="4056925"/>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日本国際博覧会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2715522698"/>
              </p:ext>
            </p:extLst>
          </p:nvPr>
        </p:nvGraphicFramePr>
        <p:xfrm>
          <a:off x="356044" y="4504083"/>
          <a:ext cx="3916471" cy="2047459"/>
        </p:xfrm>
        <a:graphic>
          <a:graphicData uri="http://schemas.openxmlformats.org/drawingml/2006/table">
            <a:tbl>
              <a:tblPr firstRow="1" bandRow="1">
                <a:tableStyleId>{5C22544A-7EE6-4342-B048-85BDC9FD1C3A}</a:tableStyleId>
              </a:tblPr>
              <a:tblGrid>
                <a:gridCol w="1785623">
                  <a:extLst>
                    <a:ext uri="{9D8B030D-6E8A-4147-A177-3AD203B41FA5}">
                      <a16:colId xmlns:a16="http://schemas.microsoft.com/office/drawing/2014/main" val="20000"/>
                    </a:ext>
                  </a:extLst>
                </a:gridCol>
                <a:gridCol w="2130848">
                  <a:extLst>
                    <a:ext uri="{9D8B030D-6E8A-4147-A177-3AD203B41FA5}">
                      <a16:colId xmlns:a16="http://schemas.microsoft.com/office/drawing/2014/main" val="20001"/>
                    </a:ext>
                  </a:extLst>
                </a:gridCol>
              </a:tblGrid>
              <a:tr h="322366">
                <a:tc>
                  <a:txBody>
                    <a:bodyPr/>
                    <a:lstStyle/>
                    <a:p>
                      <a:pPr algn="ctr">
                        <a:lnSpc>
                          <a:spcPts val="1500"/>
                        </a:lnSpc>
                      </a:pPr>
                      <a:r>
                        <a:rPr kumimoji="1" lang="ja-JP" altLang="en-US" sz="1200" dirty="0" smtClean="0">
                          <a:solidFill>
                            <a:schemeClr val="tx1"/>
                          </a:solidFill>
                        </a:rPr>
                        <a:t>項目</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solidFill>
                            <a:schemeClr val="tx1"/>
                          </a:solidFill>
                        </a:rPr>
                        <a:t>内容</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757995">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のデザイ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esigning Future </a:t>
                      </a:r>
                    </a:p>
                    <a:p>
                      <a:pPr marL="0" marR="0" indent="0" algn="l" defTabSz="914400" rtl="0" eaLnBrk="1" fontAlgn="auto" latinLnBrk="0" hangingPunct="1">
                        <a:lnSpc>
                          <a:spcPts val="15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Society for Our Lives</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32236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大阪府大阪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1200" strike="sngStrike" dirty="0">
                        <a:solidFill>
                          <a:srgbClr val="FF0000"/>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２兆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11" name="正方形/長方形 10"/>
          <p:cNvSpPr/>
          <p:nvPr/>
        </p:nvSpPr>
        <p:spPr>
          <a:xfrm>
            <a:off x="107504" y="467557"/>
            <a:ext cx="527339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ビッグイベントを活用した観光集客</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899782"/>
            <a:ext cx="8928992" cy="149568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日本大会が開催され、今後も東京オリンピック・パラリンピック、ワールドマスターズゲームス</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といった世界規模でのスポーツ大会の開催が予定されており、歴史、文化、食など大阪・関西の魅力を国際社会にアピールし、さらなる観光集客に繋げる絶好の機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成長・発展のインパクト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略称：大阪・関西万博）の開催が決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の開催で、国内外合わせ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の集客を見込む。</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35</a:t>
            </a:r>
            <a:endParaRPr lang="ja-JP" altLang="en-US" b="1" dirty="0"/>
          </a:p>
        </p:txBody>
      </p:sp>
      <p:sp>
        <p:nvSpPr>
          <p:cNvPr id="17" name="正方形/長方形 16"/>
          <p:cNvSpPr/>
          <p:nvPr/>
        </p:nvSpPr>
        <p:spPr>
          <a:xfrm>
            <a:off x="4325590" y="3980863"/>
            <a:ext cx="4745141" cy="523220"/>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博会場（夢洲）の鳥瞰イメージ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資料提供：経済産業省</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759638" y="4504083"/>
            <a:ext cx="3340753" cy="2195120"/>
          </a:xfrm>
          <a:prstGeom prst="rect">
            <a:avLst/>
          </a:prstGeom>
        </p:spPr>
      </p:pic>
    </p:spTree>
    <p:extLst>
      <p:ext uri="{BB962C8B-B14F-4D97-AF65-F5344CB8AC3E}">
        <p14:creationId xmlns:p14="http://schemas.microsoft.com/office/powerpoint/2010/main" val="227684545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17108" y="1913337"/>
            <a:ext cx="8883385" cy="2861727"/>
          </a:xfrm>
          <a:prstGeom prst="rect">
            <a:avLst/>
          </a:prstGeom>
          <a:solidFill>
            <a:schemeClr val="tx2">
              <a:lumMod val="20000"/>
              <a:lumOff val="8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0"/>
          <p:cNvSpPr>
            <a:spLocks noChangeArrowheads="1"/>
          </p:cNvSpPr>
          <p:nvPr/>
        </p:nvSpPr>
        <p:spPr bwMode="auto">
          <a:xfrm>
            <a:off x="134437" y="476672"/>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統合型リゾート）の立地推進　～実現に向けた取組み～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D:\TatsutaK\Desktop\IR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504" y="4824986"/>
            <a:ext cx="2907572" cy="1816539"/>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D:\TatsutaK\Desktop\IR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47864" y="4824987"/>
            <a:ext cx="2576922" cy="184437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D:\TatsutaK\Desktop\IR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29852" y="4824987"/>
            <a:ext cx="2662628" cy="1844373"/>
          </a:xfrm>
          <a:prstGeom prst="rect">
            <a:avLst/>
          </a:prstGeom>
          <a:noFill/>
          <a:extLst>
            <a:ext uri="{909E8E84-426E-40DD-AFC4-6F175D3DCCD1}">
              <a14:hiddenFill xmlns:a14="http://schemas.microsoft.com/office/drawing/2010/main">
                <a:solidFill>
                  <a:srgbClr val="FFFFFF"/>
                </a:solidFill>
              </a14:hiddenFill>
            </a:ext>
          </a:extLst>
        </p:spPr>
      </p:pic>
      <p:sp>
        <p:nvSpPr>
          <p:cNvPr id="21" name="正方形/長方形 10"/>
          <p:cNvSpPr>
            <a:spLocks noChangeArrowheads="1"/>
          </p:cNvSpPr>
          <p:nvPr/>
        </p:nvSpPr>
        <p:spPr bwMode="auto">
          <a:xfrm>
            <a:off x="36007" y="1854758"/>
            <a:ext cx="1858071" cy="350106"/>
          </a:xfrm>
          <a:prstGeom prst="rect">
            <a:avLst/>
          </a:prstGeom>
          <a:pattFill prst="pct5">
            <a:fgClr>
              <a:schemeClr val="bg1"/>
            </a:fgClr>
            <a:bgClr>
              <a:schemeClr val="bg1"/>
            </a:bgClr>
          </a:pattFill>
          <a:ln>
            <a:solidFill>
              <a:schemeClr val="tx1"/>
            </a:solidFill>
          </a:ln>
          <a:extLst/>
        </p:spPr>
        <p:txBody>
          <a:bodyPr wrap="square" lIns="36000" rIns="36000">
            <a:spAutoFit/>
          </a:bodyPr>
          <a:lstStyle/>
          <a:p>
            <a:pPr marL="177800" indent="-177800" algn="ct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ＩＲ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10"/>
          <p:cNvSpPr>
            <a:spLocks noChangeArrowheads="1"/>
          </p:cNvSpPr>
          <p:nvPr/>
        </p:nvSpPr>
        <p:spPr bwMode="auto">
          <a:xfrm>
            <a:off x="6948264" y="6546830"/>
            <a:ext cx="23302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ＩＲ推進局ＨＰより）</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827504" y="2490489"/>
            <a:ext cx="3240360" cy="532751"/>
          </a:xfrm>
          <a:prstGeom prst="rect">
            <a:avLst/>
          </a:prstGeom>
          <a:gradFill>
            <a:gsLst>
              <a:gs pos="0">
                <a:schemeClr val="accent5">
                  <a:lumMod val="60000"/>
                  <a:lumOff val="40000"/>
                </a:schemeClr>
              </a:gs>
              <a:gs pos="39999">
                <a:srgbClr val="0A128C"/>
              </a:gs>
              <a:gs pos="70000">
                <a:srgbClr val="181CC7"/>
              </a:gs>
              <a:gs pos="88000">
                <a:srgbClr val="7005D4"/>
              </a:gs>
              <a:gs pos="100000">
                <a:srgbClr val="8C3D91"/>
              </a:gs>
            </a:gsLst>
            <a:lin ang="5400000" scaled="0"/>
          </a:gradFill>
          <a:ln w="38100" cmpd="dbl">
            <a:solidFill>
              <a:schemeClr val="tx1"/>
            </a:solidFill>
          </a:ln>
        </p:spPr>
        <p:txBody>
          <a:bodyPr wrap="square" rtlCol="0" anchor="ctr">
            <a:noAutofit/>
          </a:bodyPr>
          <a:lstStyle/>
          <a:p>
            <a:pPr algn="ctr">
              <a:spcAft>
                <a:spcPts val="300"/>
              </a:spcAft>
            </a:pPr>
            <a:r>
              <a:rPr lang="ja-JP" altLang="en-US"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関西の持続的</a:t>
            </a:r>
            <a:r>
              <a:rPr lang="ja-JP" altLang="en-US" sz="1200"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経済</a:t>
            </a:r>
            <a:r>
              <a:rPr lang="ja-JP" altLang="en-US"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のエンジンとなる</a:t>
            </a:r>
            <a:endParaRPr lang="en-US" altLang="ja-JP"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b="1" kern="1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a:t>
            </a:r>
            <a:r>
              <a:rPr lang="en-US" altLang="ja-JP" b="1" kern="1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R</a:t>
            </a:r>
            <a:endParaRPr lang="en-US" altLang="ja-JP" sz="1600" dirty="0" smtClean="0">
              <a:solidFill>
                <a:schemeClr val="bg1"/>
              </a:solidFill>
              <a:latin typeface="+mn-ea"/>
              <a:cs typeface="Meiryo UI" pitchFamily="50" charset="-128"/>
            </a:endParaRPr>
          </a:p>
        </p:txBody>
      </p:sp>
      <p:sp>
        <p:nvSpPr>
          <p:cNvPr id="38"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6"/>
          <a:stretch>
            <a:fillRect/>
          </a:stretch>
        </p:blipFill>
        <p:spPr>
          <a:xfrm>
            <a:off x="5312324" y="2274998"/>
            <a:ext cx="3580156" cy="2188534"/>
          </a:xfrm>
          <a:prstGeom prst="rect">
            <a:avLst/>
          </a:prstGeom>
        </p:spPr>
      </p:pic>
      <p:sp>
        <p:nvSpPr>
          <p:cNvPr id="61" name="テキスト ボックス 60"/>
          <p:cNvSpPr txBox="1"/>
          <p:nvPr/>
        </p:nvSpPr>
        <p:spPr>
          <a:xfrm>
            <a:off x="134437" y="2219491"/>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136869" y="3091166"/>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想定スケジュー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836712"/>
            <a:ext cx="8928992" cy="9361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71755">
              <a:defRPr/>
            </a:pPr>
            <a:r>
              <a:rPr lang="ja-JP" altLang="en-US" sz="1600" dirty="0" smtClean="0">
                <a:solidFill>
                  <a:prstClr val="black"/>
                </a:solidFill>
                <a:latin typeface="Meiryo UI" panose="020B0604030504040204" pitchFamily="50" charset="-128"/>
                <a:ea typeface="Meiryo UI" panose="020B0604030504040204" pitchFamily="50" charset="-128"/>
              </a:rPr>
              <a:t>○ＩＲ</a:t>
            </a:r>
            <a:r>
              <a:rPr lang="ja-JP" altLang="en-US" sz="1600" dirty="0">
                <a:solidFill>
                  <a:prstClr val="black"/>
                </a:solidFill>
                <a:latin typeface="Meiryo UI" panose="020B0604030504040204" pitchFamily="50" charset="-128"/>
                <a:ea typeface="Meiryo UI" panose="020B0604030504040204" pitchFamily="50" charset="-128"/>
              </a:rPr>
              <a:t>整備法</a:t>
            </a:r>
            <a:r>
              <a:rPr lang="ja-JP" altLang="en-US" sz="1600" dirty="0" smtClean="0">
                <a:solidFill>
                  <a:prstClr val="black"/>
                </a:solidFill>
                <a:latin typeface="Meiryo UI" panose="020B0604030504040204" pitchFamily="50" charset="-128"/>
                <a:ea typeface="Meiryo UI" panose="020B0604030504040204" pitchFamily="50" charset="-128"/>
              </a:rPr>
              <a:t>等、国の動向を踏まえ、府</a:t>
            </a:r>
            <a:r>
              <a:rPr lang="ja-JP" altLang="en-US" sz="1600" dirty="0">
                <a:solidFill>
                  <a:prstClr val="black"/>
                </a:solidFill>
                <a:latin typeface="Meiryo UI" panose="020B0604030504040204" pitchFamily="50" charset="-128"/>
                <a:ea typeface="Meiryo UI" panose="020B0604030504040204" pitchFamily="50" charset="-128"/>
              </a:rPr>
              <a:t>市が一体で事業化に向けた準備を推進</a:t>
            </a:r>
            <a:r>
              <a:rPr lang="ja-JP" altLang="en-US" sz="1600" dirty="0" smtClean="0">
                <a:solidFill>
                  <a:prstClr val="black"/>
                </a:solidFill>
                <a:latin typeface="Meiryo UI" panose="020B0604030504040204" pitchFamily="50" charset="-128"/>
                <a:ea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rPr>
              <a:t>な需要を創出し</a:t>
            </a:r>
            <a:r>
              <a:rPr lang="ja-JP" altLang="en-US" sz="1600" dirty="0" smtClean="0">
                <a:solidFill>
                  <a:prstClr val="black"/>
                </a:solidFill>
                <a:latin typeface="Meiryo UI" panose="020B0604030504040204" pitchFamily="50" charset="-128"/>
                <a:ea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71755">
              <a:defRPr/>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大阪</a:t>
            </a:r>
            <a:r>
              <a:rPr lang="ja-JP" altLang="en-US" sz="1600" dirty="0">
                <a:solidFill>
                  <a:prstClr val="black"/>
                </a:solidFill>
                <a:latin typeface="Meiryo UI" panose="020B0604030504040204" pitchFamily="50" charset="-128"/>
                <a:ea typeface="Meiryo UI" panose="020B0604030504040204" pitchFamily="50" charset="-128"/>
              </a:rPr>
              <a:t>経済</a:t>
            </a:r>
            <a:r>
              <a:rPr lang="ja-JP" altLang="en-US" sz="1600" dirty="0" smtClean="0">
                <a:solidFill>
                  <a:prstClr val="black"/>
                </a:solidFill>
                <a:latin typeface="Meiryo UI" panose="020B0604030504040204" pitchFamily="50" charset="-128"/>
                <a:ea typeface="Meiryo UI" panose="020B0604030504040204" pitchFamily="50" charset="-128"/>
              </a:rPr>
              <a:t>の成長に大きく</a:t>
            </a:r>
            <a:r>
              <a:rPr lang="ja-JP" altLang="en-US" sz="1600" dirty="0">
                <a:solidFill>
                  <a:prstClr val="black"/>
                </a:solidFill>
                <a:latin typeface="Meiryo UI" panose="020B0604030504040204" pitchFamily="50" charset="-128"/>
                <a:ea typeface="Meiryo UI" panose="020B0604030504040204" pitchFamily="50" charset="-128"/>
              </a:rPr>
              <a:t>貢献するＩＲの立地を実現する。</a:t>
            </a:r>
            <a:endParaRPr lang="en-US" altLang="ja-JP" sz="1600" dirty="0">
              <a:solidFill>
                <a:prstClr val="black"/>
              </a:solidFill>
              <a:latin typeface="Meiryo UI" panose="020B0604030504040204" pitchFamily="50" charset="-128"/>
              <a:ea typeface="Meiryo UI" panose="020B0604030504040204" pitchFamily="50" charset="-128"/>
            </a:endParaRPr>
          </a:p>
          <a:p>
            <a:pPr marL="71755">
              <a:spcAft>
                <a:spcPts val="1200"/>
              </a:spcAft>
              <a:defRPr/>
            </a:pPr>
            <a:r>
              <a:rPr lang="ja-JP" altLang="en-US" sz="1600" dirty="0" smtClean="0">
                <a:solidFill>
                  <a:prstClr val="black"/>
                </a:solidFill>
                <a:latin typeface="Meiryo UI" panose="020B0604030504040204" pitchFamily="50" charset="-128"/>
                <a:ea typeface="Meiryo UI" panose="020B0604030504040204" pitchFamily="50" charset="-128"/>
              </a:rPr>
              <a:t>○ギャンブル</a:t>
            </a:r>
            <a:r>
              <a:rPr lang="ja-JP" altLang="en-US" sz="1600" dirty="0">
                <a:solidFill>
                  <a:prstClr val="black"/>
                </a:solidFill>
                <a:latin typeface="Meiryo UI" panose="020B0604030504040204" pitchFamily="50" charset="-128"/>
                <a:ea typeface="Meiryo UI" panose="020B0604030504040204" pitchFamily="50" charset="-128"/>
              </a:rPr>
              <a:t>等依存症などＩＲ立地に伴う懸念事項の最小化に向けた対策を推進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7"/>
          <a:stretch>
            <a:fillRect/>
          </a:stretch>
        </p:blipFill>
        <p:spPr>
          <a:xfrm>
            <a:off x="166336" y="3222908"/>
            <a:ext cx="5251255" cy="1622403"/>
          </a:xfrm>
          <a:prstGeom prst="rect">
            <a:avLst/>
          </a:prstGeom>
        </p:spPr>
      </p:pic>
      <p:sp>
        <p:nvSpPr>
          <p:cNvPr id="20" name="スライド番号プレースホルダー 1"/>
          <p:cNvSpPr txBox="1">
            <a:spLocks/>
          </p:cNvSpPr>
          <p:nvPr/>
        </p:nvSpPr>
        <p:spPr>
          <a:xfrm>
            <a:off x="7063946" y="6533544"/>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pPr>
                <a:defRPr/>
              </a:pPr>
              <a:t>36</a:t>
            </a:fld>
            <a:endParaRPr lang="ja-JP" altLang="en-US" b="1" dirty="0"/>
          </a:p>
        </p:txBody>
      </p:sp>
    </p:spTree>
    <p:extLst>
      <p:ext uri="{BB962C8B-B14F-4D97-AF65-F5344CB8AC3E}">
        <p14:creationId xmlns:p14="http://schemas.microsoft.com/office/powerpoint/2010/main" val="3035276393"/>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7504" y="529834"/>
            <a:ext cx="7569321"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空港利用状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932040" y="2464539"/>
            <a:ext cx="4669032"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外国人入国者の空港別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法務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91962" y="2492896"/>
            <a:ext cx="423602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空港別旅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社プレスリリ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54626"/>
            <a:ext cx="8928992" cy="14188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関西国際空港における国内線・国際線を合わせた旅客数は、羽田、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ける外国人の入国者割合は、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シェアを確保。</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うち</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からの入国者数は成田を上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一方で、他地域からの入国者は約半数を成田が占め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1"/>
          <p:cNvGraphicFramePr>
            <a:graphicFrameLocks noGrp="1"/>
          </p:cNvGraphicFramePr>
          <p:nvPr>
            <p:extLst>
              <p:ext uri="{D42A27DB-BD31-4B8C-83A1-F6EECF244321}">
                <p14:modId xmlns:p14="http://schemas.microsoft.com/office/powerpoint/2010/main" val="4060638975"/>
              </p:ext>
            </p:extLst>
          </p:nvPr>
        </p:nvGraphicFramePr>
        <p:xfrm>
          <a:off x="251520" y="2793541"/>
          <a:ext cx="4242649" cy="1715579"/>
        </p:xfrm>
        <a:graphic>
          <a:graphicData uri="http://schemas.openxmlformats.org/drawingml/2006/table">
            <a:tbl>
              <a:tblPr firstRow="1" bandRow="1">
                <a:tableStyleId>{5C22544A-7EE6-4342-B048-85BDC9FD1C3A}</a:tableStyleId>
              </a:tblPr>
              <a:tblGrid>
                <a:gridCol w="1218313">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1008112">
                  <a:extLst>
                    <a:ext uri="{9D8B030D-6E8A-4147-A177-3AD203B41FA5}">
                      <a16:colId xmlns:a16="http://schemas.microsoft.com/office/drawing/2014/main" val="20003"/>
                    </a:ext>
                  </a:extLst>
                </a:gridCol>
              </a:tblGrid>
              <a:tr h="398057">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81,770</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933,837</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15,607</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国際空港（羽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382,811</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715,99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98,80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田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42,77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701,96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344,73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191000" y="4653136"/>
            <a:ext cx="84134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外国人入国者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法務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8532440" y="4679558"/>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0"/>
          <p:cNvGraphicFramePr>
            <a:graphicFrameLocks noGrp="1"/>
          </p:cNvGraphicFramePr>
          <p:nvPr>
            <p:extLst>
              <p:ext uri="{D42A27DB-BD31-4B8C-83A1-F6EECF244321}">
                <p14:modId xmlns:p14="http://schemas.microsoft.com/office/powerpoint/2010/main" val="3312493423"/>
              </p:ext>
            </p:extLst>
          </p:nvPr>
        </p:nvGraphicFramePr>
        <p:xfrm>
          <a:off x="35496" y="4941168"/>
          <a:ext cx="9003963" cy="1665558"/>
        </p:xfrm>
        <a:graphic>
          <a:graphicData uri="http://schemas.openxmlformats.org/drawingml/2006/table">
            <a:tbl>
              <a:tblPr firstRow="1" bandRow="1">
                <a:tableStyleId>{5C22544A-7EE6-4342-B048-85BDC9FD1C3A}</a:tableStyleId>
              </a:tblPr>
              <a:tblGrid>
                <a:gridCol w="720086">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639398">
                  <a:extLst>
                    <a:ext uri="{9D8B030D-6E8A-4147-A177-3AD203B41FA5}">
                      <a16:colId xmlns:a16="http://schemas.microsoft.com/office/drawing/2014/main" val="20002"/>
                    </a:ext>
                  </a:extLst>
                </a:gridCol>
                <a:gridCol w="728754">
                  <a:extLst>
                    <a:ext uri="{9D8B030D-6E8A-4147-A177-3AD203B41FA5}">
                      <a16:colId xmlns:a16="http://schemas.microsoft.com/office/drawing/2014/main" val="20003"/>
                    </a:ext>
                  </a:extLst>
                </a:gridCol>
                <a:gridCol w="630724">
                  <a:extLst>
                    <a:ext uri="{9D8B030D-6E8A-4147-A177-3AD203B41FA5}">
                      <a16:colId xmlns:a16="http://schemas.microsoft.com/office/drawing/2014/main" val="20004"/>
                    </a:ext>
                  </a:extLst>
                </a:gridCol>
                <a:gridCol w="737428">
                  <a:extLst>
                    <a:ext uri="{9D8B030D-6E8A-4147-A177-3AD203B41FA5}">
                      <a16:colId xmlns:a16="http://schemas.microsoft.com/office/drawing/2014/main" val="20005"/>
                    </a:ext>
                  </a:extLst>
                </a:gridCol>
                <a:gridCol w="622050">
                  <a:extLst>
                    <a:ext uri="{9D8B030D-6E8A-4147-A177-3AD203B41FA5}">
                      <a16:colId xmlns:a16="http://schemas.microsoft.com/office/drawing/2014/main" val="20006"/>
                    </a:ext>
                  </a:extLst>
                </a:gridCol>
                <a:gridCol w="746102">
                  <a:extLst>
                    <a:ext uri="{9D8B030D-6E8A-4147-A177-3AD203B41FA5}">
                      <a16:colId xmlns:a16="http://schemas.microsoft.com/office/drawing/2014/main" val="20007"/>
                    </a:ext>
                  </a:extLst>
                </a:gridCol>
                <a:gridCol w="613376">
                  <a:extLst>
                    <a:ext uri="{9D8B030D-6E8A-4147-A177-3AD203B41FA5}">
                      <a16:colId xmlns:a16="http://schemas.microsoft.com/office/drawing/2014/main" val="20008"/>
                    </a:ext>
                  </a:extLst>
                </a:gridCol>
                <a:gridCol w="754776">
                  <a:extLst>
                    <a:ext uri="{9D8B030D-6E8A-4147-A177-3AD203B41FA5}">
                      <a16:colId xmlns:a16="http://schemas.microsoft.com/office/drawing/2014/main" val="20009"/>
                    </a:ext>
                  </a:extLst>
                </a:gridCol>
                <a:gridCol w="604702">
                  <a:extLst>
                    <a:ext uri="{9D8B030D-6E8A-4147-A177-3AD203B41FA5}">
                      <a16:colId xmlns:a16="http://schemas.microsoft.com/office/drawing/2014/main" val="20010"/>
                    </a:ext>
                  </a:extLst>
                </a:gridCol>
                <a:gridCol w="763450">
                  <a:extLst>
                    <a:ext uri="{9D8B030D-6E8A-4147-A177-3AD203B41FA5}">
                      <a16:colId xmlns:a16="http://schemas.microsoft.com/office/drawing/2014/main" val="20011"/>
                    </a:ext>
                  </a:extLst>
                </a:gridCol>
                <a:gridCol w="651029">
                  <a:extLst>
                    <a:ext uri="{9D8B030D-6E8A-4147-A177-3AD203B41FA5}">
                      <a16:colId xmlns:a16="http://schemas.microsoft.com/office/drawing/2014/main" val="20012"/>
                    </a:ext>
                  </a:extLst>
                </a:gridCol>
              </a:tblGrid>
              <a:tr h="277593">
                <a:tc rowSpan="2">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ジア</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ヨーロッパ</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フリカ</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セアニア</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0"/>
                  </a:ext>
                </a:extLst>
              </a:tr>
              <a:tr h="277593">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1"/>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25,925,566</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2,094,901</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59,816</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211,374</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172,895</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721,725</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a:t>
                      </a:r>
                    </a:p>
                  </a:txBody>
                  <a:tcPr marL="9525" marR="9525" marT="9525" marB="0" anchor="ctr">
                    <a:lnT w="12700" cap="flat" cmpd="sng" algn="ctr">
                      <a:solidFill>
                        <a:schemeClr val="bg1"/>
                      </a:solidFill>
                      <a:prstDash val="solid"/>
                      <a:round/>
                      <a:headEnd type="none" w="med" len="med"/>
                      <a:tailEnd type="none" w="med" len="med"/>
                    </a:lnT>
                    <a:solidFill>
                      <a:schemeClr val="accent1">
                        <a:lumMod val="20000"/>
                        <a:lumOff val="80000"/>
                      </a:schemeClr>
                    </a:solidFill>
                  </a:tcPr>
                </a:tc>
                <a:extLst>
                  <a:ext uri="{0D108BD9-81ED-4DB2-BD59-A6C34878D82A}">
                    <a16:rowId xmlns:a16="http://schemas.microsoft.com/office/drawing/2014/main" val="10002"/>
                  </a:ext>
                </a:extLst>
              </a:tr>
              <a:tr h="277593">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西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fontAlgn="ctr"/>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7,635,065 </a:t>
                      </a:r>
                    </a:p>
                  </a:txBody>
                  <a:tcPr marL="9525" marR="9525" marT="9525" marB="0" anchor="ctr">
                    <a:solidFill>
                      <a:srgbClr val="F68222"/>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9.4%</a:t>
                      </a:r>
                    </a:p>
                  </a:txBody>
                  <a:tcPr marL="9525" marR="9525" marT="9525" marB="0" anchor="ctr">
                    <a:solidFill>
                      <a:srgbClr val="F68222"/>
                    </a:solidFill>
                  </a:tcPr>
                </a:tc>
                <a:tc>
                  <a:txBody>
                    <a:bodyPr/>
                    <a:lstStyle/>
                    <a:p>
                      <a:pPr algn="ctr"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323,561 </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5.4%</a:t>
                      </a:r>
                    </a:p>
                  </a:txBody>
                  <a:tcPr marL="9525" marR="9525" marT="9525" marB="0" anchor="ctr">
                    <a:solidFill>
                      <a:srgbClr val="F68222"/>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7,824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3.1%</a:t>
                      </a:r>
                    </a:p>
                  </a:txBody>
                  <a:tcPr marL="9525" marR="9525" marT="9525" marB="0" anchor="ctr">
                    <a:solidFill>
                      <a:srgbClr val="F68222"/>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282,543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2.8%</a:t>
                      </a:r>
                    </a:p>
                  </a:txBody>
                  <a:tcPr marL="9525" marR="9525" marT="9525" marB="0" anchor="ctr">
                    <a:solidFill>
                      <a:srgbClr val="F68222"/>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21,213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2.3%</a:t>
                      </a:r>
                    </a:p>
                  </a:txBody>
                  <a:tcPr marL="9525" marR="9525" marT="9525" marB="0" anchor="ctr">
                    <a:solidFill>
                      <a:srgbClr val="F68222"/>
                    </a:solidFill>
                  </a:tcPr>
                </a:tc>
                <a:tc>
                  <a:txBody>
                    <a:bodyPr/>
                    <a:lstStyle/>
                    <a:p>
                      <a:pPr algn="ctr"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07,691 </a:t>
                      </a:r>
                    </a:p>
                  </a:txBody>
                  <a:tcPr marL="9525" marR="9525" marT="9525" marB="0" anchor="ctr">
                    <a:solidFill>
                      <a:srgbClr val="F68222"/>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4.9%</a:t>
                      </a:r>
                    </a:p>
                  </a:txBody>
                  <a:tcPr marL="9525" marR="9525" marT="9525" marB="0" anchor="ctr">
                    <a:solidFill>
                      <a:srgbClr val="F68222"/>
                    </a:solidFill>
                  </a:tcPr>
                </a:tc>
                <a:extLst>
                  <a:ext uri="{0D108BD9-81ED-4DB2-BD59-A6C34878D82A}">
                    <a16:rowId xmlns:a16="http://schemas.microsoft.com/office/drawing/2014/main" val="10003"/>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羽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fontAlgn="ctr"/>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2,959,811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11.4%</a:t>
                      </a:r>
                    </a:p>
                  </a:txBody>
                  <a:tcPr marL="9525" marR="9525" marT="9525" marB="0" anchor="ctr">
                    <a:solidFill>
                      <a:schemeClr val="accent1">
                        <a:lumMod val="20000"/>
                        <a:lumOff val="80000"/>
                      </a:schemeClr>
                    </a:solidFill>
                  </a:tcPr>
                </a:tc>
                <a:tc>
                  <a:txBody>
                    <a:bodyPr/>
                    <a:lstStyle/>
                    <a:p>
                      <a:pPr algn="ctr" fontAlgn="ctr"/>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573,098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7.4%</a:t>
                      </a:r>
                    </a:p>
                  </a:txBody>
                  <a:tcPr marL="9525" marR="9525" marT="9525" marB="0" anchor="ctr">
                    <a:solidFill>
                      <a:schemeClr val="accent1">
                        <a:lumMod val="20000"/>
                        <a:lumOff val="80000"/>
                      </a:schemeClr>
                    </a:solid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16,066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6.9%</a:t>
                      </a:r>
                    </a:p>
                  </a:txBody>
                  <a:tcPr marL="9525" marR="9525" marT="9525" marB="0" anchor="ctr">
                    <a:solidFill>
                      <a:schemeClr val="accent1">
                        <a:lumMod val="20000"/>
                        <a:lumOff val="80000"/>
                      </a:schemeClr>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545,712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4.7%</a:t>
                      </a:r>
                    </a:p>
                  </a:txBody>
                  <a:tcPr marL="9525" marR="9525" marT="9525" marB="0" anchor="ctr">
                    <a:solidFill>
                      <a:schemeClr val="accent1">
                        <a:lumMod val="20000"/>
                        <a:lumOff val="80000"/>
                      </a:schemeClr>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31,495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8.2%</a:t>
                      </a:r>
                    </a:p>
                  </a:txBody>
                  <a:tcPr marL="9525" marR="9525" marT="9525" marB="0" anchor="ctr">
                    <a:solidFill>
                      <a:schemeClr val="accent1">
                        <a:lumMod val="20000"/>
                        <a:lumOff val="80000"/>
                      </a:schemeClr>
                    </a:solidFill>
                  </a:tcPr>
                </a:tc>
                <a:tc>
                  <a:txBody>
                    <a:bodyPr/>
                    <a:lstStyle/>
                    <a:p>
                      <a:pPr algn="ctr"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161,739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22.4%</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4"/>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fontAlgn="ctr"/>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6,328,729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24.4%</a:t>
                      </a:r>
                    </a:p>
                  </a:txBody>
                  <a:tcPr marL="9525" marR="9525" marT="9525" marB="0" anchor="ctr">
                    <a:solidFill>
                      <a:schemeClr val="accent1">
                        <a:lumMod val="20000"/>
                        <a:lumOff val="80000"/>
                      </a:schemeClr>
                    </a:solidFill>
                  </a:tcPr>
                </a:tc>
                <a:tc>
                  <a:txBody>
                    <a:bodyPr/>
                    <a:lstStyle/>
                    <a:p>
                      <a:pPr algn="ctr" fontAlgn="ctr"/>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995,526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47.5%</a:t>
                      </a:r>
                    </a:p>
                  </a:txBody>
                  <a:tcPr marL="9525" marR="9525" marT="9525" marB="0" anchor="ctr">
                    <a:solidFill>
                      <a:schemeClr val="accent1">
                        <a:lumMod val="20000"/>
                        <a:lumOff val="80000"/>
                      </a:schemeClr>
                    </a:solidFill>
                  </a:tcPr>
                </a:tc>
                <a:tc>
                  <a:txBody>
                    <a:bodyPr/>
                    <a:lstStyle/>
                    <a:p>
                      <a:pPr algn="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31,891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a:solidFill>
                            <a:schemeClr val="tx1"/>
                          </a:solidFill>
                          <a:effectLst/>
                          <a:latin typeface="Meiryo UI" panose="020B0604030504040204" pitchFamily="50" charset="-128"/>
                          <a:ea typeface="Meiryo UI" panose="020B0604030504040204" pitchFamily="50" charset="-128"/>
                        </a:rPr>
                        <a:t>53.3%</a:t>
                      </a:r>
                    </a:p>
                  </a:txBody>
                  <a:tcPr marL="9525" marR="9525" marT="9525" marB="0" anchor="ctr">
                    <a:solidFill>
                      <a:schemeClr val="accent1">
                        <a:lumMod val="20000"/>
                        <a:lumOff val="80000"/>
                      </a:schemeClr>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1,159,601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52.4%</a:t>
                      </a:r>
                    </a:p>
                  </a:txBody>
                  <a:tcPr marL="9525" marR="9525" marT="9525" marB="0" anchor="ctr">
                    <a:solidFill>
                      <a:schemeClr val="accent1">
                        <a:lumMod val="20000"/>
                        <a:lumOff val="80000"/>
                      </a:schemeClr>
                    </a:solidFill>
                  </a:tcPr>
                </a:tc>
                <a:tc>
                  <a:txBody>
                    <a:bodyPr/>
                    <a:lstStyle/>
                    <a:p>
                      <a:pPr algn="r"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rPr>
                        <a:t>95,414 </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55.2%</a:t>
                      </a:r>
                    </a:p>
                  </a:txBody>
                  <a:tcPr marL="9525" marR="9525" marT="9525" marB="0" anchor="ctr">
                    <a:solidFill>
                      <a:schemeClr val="accent1">
                        <a:lumMod val="20000"/>
                        <a:lumOff val="80000"/>
                      </a:schemeClr>
                    </a:solidFill>
                  </a:tcPr>
                </a:tc>
                <a:tc>
                  <a:txBody>
                    <a:bodyPr/>
                    <a:lstStyle/>
                    <a:p>
                      <a:pPr algn="ctr" fontAlgn="b"/>
                      <a:r>
                        <a:rPr lang="ja-JP" altLang="en-US" sz="1050" b="0" i="0" u="none" strike="noStrike">
                          <a:solidFill>
                            <a:schemeClr val="tx1"/>
                          </a:solidFill>
                          <a:effectLst/>
                          <a:latin typeface="Meiryo UI" panose="020B0604030504040204" pitchFamily="50" charset="-128"/>
                          <a:ea typeface="Meiryo UI" panose="020B0604030504040204" pitchFamily="50" charset="-128"/>
                        </a:rPr>
                        <a:t>    </a:t>
                      </a:r>
                      <a:r>
                        <a:rPr lang="en-US" altLang="ja-JP" sz="1050" b="0" i="0" u="none" strike="noStrike">
                          <a:solidFill>
                            <a:schemeClr val="tx1"/>
                          </a:solidFill>
                          <a:effectLst/>
                          <a:latin typeface="Meiryo UI" panose="020B0604030504040204" pitchFamily="50" charset="-128"/>
                          <a:ea typeface="Meiryo UI" panose="020B0604030504040204" pitchFamily="50" charset="-128"/>
                        </a:rPr>
                        <a:t>367,155 </a:t>
                      </a:r>
                    </a:p>
                  </a:txBody>
                  <a:tcPr marL="9525" marR="9525" marT="9525" marB="0" anchor="ctr">
                    <a:solidFill>
                      <a:schemeClr val="accent1">
                        <a:lumMod val="20000"/>
                        <a:lumOff val="8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rPr>
                        <a:t>50.9%</a:t>
                      </a:r>
                    </a:p>
                  </a:txBody>
                  <a:tcPr marL="9525" marR="9525" marT="9525" marB="0"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3995936" y="2564904"/>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7"/>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37</a:t>
            </a:fld>
            <a:endParaRPr lang="ja-JP" altLang="en-US" b="1" dirty="0"/>
          </a:p>
        </p:txBody>
      </p:sp>
      <p:graphicFrame>
        <p:nvGraphicFramePr>
          <p:cNvPr id="21" name="グラフ 20"/>
          <p:cNvGraphicFramePr>
            <a:graphicFrameLocks/>
          </p:cNvGraphicFramePr>
          <p:nvPr>
            <p:extLst>
              <p:ext uri="{D42A27DB-BD31-4B8C-83A1-F6EECF244321}">
                <p14:modId xmlns:p14="http://schemas.microsoft.com/office/powerpoint/2010/main" val="812075188"/>
              </p:ext>
            </p:extLst>
          </p:nvPr>
        </p:nvGraphicFramePr>
        <p:xfrm>
          <a:off x="4652160" y="2826514"/>
          <a:ext cx="4355003" cy="190575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694197348"/>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4"/>
          <p:cNvGraphicFramePr>
            <a:graphicFrameLocks noGrp="1"/>
          </p:cNvGraphicFramePr>
          <p:nvPr>
            <p:extLst>
              <p:ext uri="{D42A27DB-BD31-4B8C-83A1-F6EECF244321}">
                <p14:modId xmlns:p14="http://schemas.microsoft.com/office/powerpoint/2010/main" val="1859787658"/>
              </p:ext>
            </p:extLst>
          </p:nvPr>
        </p:nvGraphicFramePr>
        <p:xfrm>
          <a:off x="4688082" y="2502186"/>
          <a:ext cx="3700342" cy="3159062"/>
        </p:xfrm>
        <a:graphic>
          <a:graphicData uri="http://schemas.openxmlformats.org/drawingml/2006/table">
            <a:tbl>
              <a:tblPr firstRow="1" bandRow="1">
                <a:tableStyleId>{5C22544A-7EE6-4342-B048-85BDC9FD1C3A}</a:tableStyleId>
              </a:tblPr>
              <a:tblGrid>
                <a:gridCol w="1600148">
                  <a:extLst>
                    <a:ext uri="{9D8B030D-6E8A-4147-A177-3AD203B41FA5}">
                      <a16:colId xmlns:a16="http://schemas.microsoft.com/office/drawing/2014/main" val="20000"/>
                    </a:ext>
                  </a:extLst>
                </a:gridCol>
                <a:gridCol w="1100102">
                  <a:extLst>
                    <a:ext uri="{9D8B030D-6E8A-4147-A177-3AD203B41FA5}">
                      <a16:colId xmlns:a16="http://schemas.microsoft.com/office/drawing/2014/main" val="20001"/>
                    </a:ext>
                  </a:extLst>
                </a:gridCol>
                <a:gridCol w="1000092">
                  <a:extLst>
                    <a:ext uri="{9D8B030D-6E8A-4147-A177-3AD203B41FA5}">
                      <a16:colId xmlns:a16="http://schemas.microsoft.com/office/drawing/2014/main" val="20002"/>
                    </a:ext>
                  </a:extLst>
                </a:gridCol>
              </a:tblGrid>
              <a:tr h="564118">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バス</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1"/>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2"/>
                  </a:ext>
                </a:extLst>
              </a:tr>
              <a:tr h="56411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3"/>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4"/>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ゴー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5"/>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ースロー</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ンドン</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6"/>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5" name="正方形/長方形 14"/>
          <p:cNvSpPr/>
          <p:nvPr/>
        </p:nvSpPr>
        <p:spPr>
          <a:xfrm>
            <a:off x="4464098" y="2113111"/>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主な国際空港における都市中心部からのアクセス</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414110"/>
            <a:ext cx="7344816"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伊丹の利便性向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786125"/>
            <a:ext cx="8928992" cy="13042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深夜早朝時間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インバウンドの急増に対応するため、リムジンバス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を進め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アクセスの向上につながる「なにわ筋線」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決定がなされ、鉄道事業法に基づく工事施行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及び都市計画事業認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伊丹では、立体駐車場建て替えやレンタカーステーション開設などアクセスの利便性を充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1916832"/>
            <a:ext cx="4392488" cy="4862870"/>
          </a:xfrm>
          <a:prstGeom prst="rect">
            <a:avLst/>
          </a:prstGeom>
          <a:noFill/>
        </p:spPr>
        <p:txBody>
          <a:bodyPr wrap="square" rtlCol="0">
            <a:spAutoFit/>
          </a:bodyPr>
          <a:lstStyle/>
          <a:p>
            <a:pPr marL="177800" indent="-177800"/>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空から大阪駅前まで、</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毎時運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停留所の案内板や路線図の多言語化等</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空・伊丹におけるファストトラベル（</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エアポー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決算報告資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等よ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FM(Passenger Flow Management System)</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搭乗口の混雑状況の一元管理システム</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自動チェックイン機</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スマートレーンの導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フルフラットタイプ旅客搭乗橋（伊丹）</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ルフバッグドロップ</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400" strike="sngStrike"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自動化ゲート（関空・国際線搭乗券チェック用）の設置</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図 12"/>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195" y="2924944"/>
            <a:ext cx="1292124" cy="1775913"/>
          </a:xfrm>
          <a:prstGeom prst="rect">
            <a:avLst/>
          </a:prstGeom>
          <a:noFill/>
          <a:ln>
            <a:noFill/>
          </a:ln>
        </p:spPr>
      </p:pic>
      <p:sp>
        <p:nvSpPr>
          <p:cNvPr id="3" name="テキスト ボックス 2"/>
          <p:cNvSpPr txBox="1"/>
          <p:nvPr/>
        </p:nvSpPr>
        <p:spPr>
          <a:xfrm>
            <a:off x="179512" y="6608385"/>
            <a:ext cx="6116699"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空港における手続き・待ち時間を短縮するため、空港での手続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動化を促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76436" y="2924944"/>
            <a:ext cx="2263516" cy="1260215"/>
          </a:xfrm>
          <a:prstGeom prst="rect">
            <a:avLst/>
          </a:prstGeom>
          <a:noFill/>
          <a:ln>
            <a:noFill/>
          </a:ln>
        </p:spPr>
      </p:pic>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
        <p:nvSpPr>
          <p:cNvPr id="19" name="正方形/長方形 18"/>
          <p:cNvSpPr/>
          <p:nvPr/>
        </p:nvSpPr>
        <p:spPr>
          <a:xfrm>
            <a:off x="59909" y="2113111"/>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時間化・案内表示の多言語化</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477250" y="5713511"/>
            <a:ext cx="4656107" cy="307777"/>
          </a:xfrm>
          <a:prstGeom prst="rect">
            <a:avLst/>
          </a:prstGeom>
        </p:spPr>
        <p:txBody>
          <a:bodyPr wrap="square">
            <a:spAutoFit/>
          </a:bodyPr>
          <a:lstStyle/>
          <a:p>
            <a:pPr marL="177800" indent="-177800"/>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阪神高速道路整備による関空・伊丹とのアクセス向上</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4606010" y="6002124"/>
            <a:ext cx="4106364"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信濃橋渡り線開通   （</a:t>
            </a:r>
            <a:r>
              <a:rPr lang="en-US" altLang="ja-JP" sz="1400" dirty="0" smtClean="0">
                <a:latin typeface="Meiryo UI" panose="020B0604030504040204" pitchFamily="50" charset="-128"/>
                <a:ea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rPr>
              <a:t>月～）　</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大和川線の全線開通（</a:t>
            </a:r>
            <a:r>
              <a:rPr lang="en-US" altLang="ja-JP" sz="1400" dirty="0" smtClean="0">
                <a:latin typeface="Meiryo UI" panose="020B0604030504040204" pitchFamily="50" charset="-128"/>
                <a:ea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rPr>
              <a:t>月～）</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9203111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99305" y="107615"/>
            <a:ext cx="9009199"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阪の成長戦略」に掲げる、具体的取組みの全体イメージ（４つの重点分野）</a:t>
            </a:r>
            <a:endParaRPr kumimoji="1" lang="ja-JP" altLang="en-US" sz="20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0" name="テキスト ボックス 19"/>
          <p:cNvSpPr txBox="1"/>
          <p:nvPr/>
        </p:nvSpPr>
        <p:spPr>
          <a:xfrm>
            <a:off x="256843" y="721408"/>
            <a:ext cx="8604000" cy="324000"/>
          </a:xfrm>
          <a:prstGeom prst="rect">
            <a:avLst/>
          </a:prstGeom>
          <a:solidFill>
            <a:schemeClr val="bg1">
              <a:lumMod val="85000"/>
            </a:schemeClr>
          </a:solidFill>
          <a:ln/>
        </p:spPr>
        <p:style>
          <a:lnRef idx="2">
            <a:schemeClr val="dk1"/>
          </a:lnRef>
          <a:fillRef idx="1">
            <a:schemeClr val="lt1"/>
          </a:fillRef>
          <a:effectRef idx="0">
            <a:schemeClr val="dk1"/>
          </a:effectRef>
          <a:fontRef idx="minor">
            <a:schemeClr val="dk1"/>
          </a:fontRef>
        </p:style>
        <p:txBody>
          <a:bodyPr vert="horz" wrap="square" lIns="72000" tIns="0" rIns="72000" bIns="0" rtlCol="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日本</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の成長をけん引する東西二極の</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一極</a:t>
            </a:r>
            <a:r>
              <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として世界</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で存在感を発揮する</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都</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市</a:t>
            </a:r>
            <a:endPar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9" name="テキスト ボックス 28"/>
          <p:cNvSpPr txBox="1"/>
          <p:nvPr/>
        </p:nvSpPr>
        <p:spPr>
          <a:xfrm>
            <a:off x="157076" y="5229200"/>
            <a:ext cx="8849335" cy="1559846"/>
          </a:xfrm>
          <a:prstGeom prst="rect">
            <a:avLst/>
          </a:prstGeom>
          <a:solidFill>
            <a:schemeClr val="tx2">
              <a:lumMod val="50000"/>
            </a:schemeClr>
          </a:solidFill>
        </p:spPr>
        <p:txBody>
          <a:bodyPr wrap="square" t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成長のための５つの源泉</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１．内外の集客力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２．人口減少・少子高齢化に対応した人材力強化・活躍の場づくり</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３．強みを活かす産業・技術の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４．アジア活力の取り込み強化・物流人流インフラの活用</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５．都市の再生</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p:txBody>
      </p:sp>
      <p:sp>
        <p:nvSpPr>
          <p:cNvPr id="14" name="台形 13"/>
          <p:cNvSpPr/>
          <p:nvPr/>
        </p:nvSpPr>
        <p:spPr>
          <a:xfrm>
            <a:off x="2345247" y="1491876"/>
            <a:ext cx="4457858" cy="3221567"/>
          </a:xfrm>
          <a:prstGeom prst="trapezoid">
            <a:avLst>
              <a:gd name="adj" fmla="val 13434"/>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台形 14"/>
          <p:cNvSpPr/>
          <p:nvPr/>
        </p:nvSpPr>
        <p:spPr>
          <a:xfrm>
            <a:off x="516046" y="4512768"/>
            <a:ext cx="8280920" cy="340976"/>
          </a:xfrm>
          <a:prstGeom prst="trapezoid">
            <a:avLst>
              <a:gd name="adj" fmla="val 583543"/>
            </a:avLst>
          </a:prstGeom>
          <a:solidFill>
            <a:srgbClr val="88410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7" name="テキスト ボックス 26"/>
          <p:cNvSpPr txBox="1"/>
          <p:nvPr/>
        </p:nvSpPr>
        <p:spPr>
          <a:xfrm>
            <a:off x="2416259" y="3385251"/>
            <a:ext cx="3528392" cy="2884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重点分野を中心に具体的取組みを集中的に実施</a:t>
            </a:r>
            <a:endParaRPr kumimoji="1" lang="ja-JP" altLang="en-US" sz="1200" b="0"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8" name="上矢印 27"/>
          <p:cNvSpPr/>
          <p:nvPr/>
        </p:nvSpPr>
        <p:spPr>
          <a:xfrm>
            <a:off x="1552214" y="3086914"/>
            <a:ext cx="5508000" cy="539411"/>
          </a:xfrm>
          <a:prstGeom prst="upArrow">
            <a:avLst>
              <a:gd name="adj1" fmla="val 56129"/>
              <a:gd name="adj2" fmla="val 100000"/>
            </a:avLst>
          </a:prstGeom>
          <a:solidFill>
            <a:schemeClr val="accent6">
              <a:lumMod val="5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30" name="正方形/長方形 29"/>
          <p:cNvSpPr/>
          <p:nvPr/>
        </p:nvSpPr>
        <p:spPr>
          <a:xfrm>
            <a:off x="331846" y="3822700"/>
            <a:ext cx="7875665" cy="612000"/>
          </a:xfrm>
          <a:prstGeom prst="rect">
            <a:avLst/>
          </a:prstGeom>
          <a:solidFill>
            <a:srgbClr val="FFCCFF"/>
          </a:solidFill>
          <a:ln w="12700">
            <a:solidFill>
              <a:srgbClr val="FF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1" name="大かっこ 30"/>
          <p:cNvSpPr/>
          <p:nvPr/>
        </p:nvSpPr>
        <p:spPr>
          <a:xfrm>
            <a:off x="2688718" y="3876869"/>
            <a:ext cx="3815580" cy="488419"/>
          </a:xfrm>
          <a:prstGeom prst="bracketPair">
            <a:avLst>
              <a:gd name="adj" fmla="val 10903"/>
            </a:avLst>
          </a:prstGeom>
          <a:noFill/>
          <a:ln w="9525">
            <a:solidFill>
              <a:schemeClr val="tx1">
                <a:lumMod val="65000"/>
                <a:lumOff val="3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36000" rIns="36000" bIns="36000" anchor="ctr" anchorCtr="1"/>
          <a:lstStyle/>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schemeClr val="tx1"/>
                </a:solidFill>
                <a:effectLst/>
                <a:uLnTx/>
                <a:uFillTx/>
                <a:latin typeface="Meiryo UI"/>
                <a:ea typeface="Meiryo UI"/>
                <a:cs typeface="Meiryo UI"/>
              </a:rPr>
              <a:t>2025</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年大阪・関西万博やＩＲの実現に向けた取組みと併せて、重点分野の取組み</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を加速</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させるとともに、実現後は、それらをインパクト</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と</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して更なる大阪の成長・発展につなげていく</a:t>
            </a:r>
            <a:endPar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endParaRPr>
          </a:p>
        </p:txBody>
      </p:sp>
      <p:sp>
        <p:nvSpPr>
          <p:cNvPr id="32" name="円/楕円 31"/>
          <p:cNvSpPr/>
          <p:nvPr/>
        </p:nvSpPr>
        <p:spPr>
          <a:xfrm>
            <a:off x="512161" y="3900017"/>
            <a:ext cx="2101553"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28016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大阪・関西</a:t>
            </a:r>
            <a:r>
              <a:rPr kumimoji="1" lang="zh-CN"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万博</a:t>
            </a:r>
            <a:endParaRPr kumimoji="1" lang="ja-JP" altLang="en-US" sz="14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円/楕円 32"/>
          <p:cNvSpPr/>
          <p:nvPr/>
        </p:nvSpPr>
        <p:spPr>
          <a:xfrm>
            <a:off x="6664988" y="3882378"/>
            <a:ext cx="1566841"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IR</a:t>
            </a:r>
            <a:endPar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852539" y="4533190"/>
            <a:ext cx="2014973"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知的</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5" name="テキスト ボックス 34"/>
          <p:cNvSpPr txBox="1"/>
          <p:nvPr/>
        </p:nvSpPr>
        <p:spPr>
          <a:xfrm>
            <a:off x="5394968" y="4553166"/>
            <a:ext cx="1988450"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都市</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正方形/長方形 35"/>
          <p:cNvSpPr/>
          <p:nvPr/>
        </p:nvSpPr>
        <p:spPr>
          <a:xfrm>
            <a:off x="331846" y="1824834"/>
            <a:ext cx="8496944" cy="1848915"/>
          </a:xfrm>
          <a:prstGeom prst="rect">
            <a:avLst/>
          </a:prstGeom>
          <a:solidFill>
            <a:schemeClr val="bg1">
              <a:lumMod val="75000"/>
            </a:schemeClr>
          </a:solidFill>
          <a:ln w="44450" cmpd="sng">
            <a:solidFill>
              <a:schemeClr val="tx1">
                <a:lumMod val="85000"/>
                <a:lumOff val="1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8" name="角丸四角形 37"/>
          <p:cNvSpPr>
            <a:spLocks/>
          </p:cNvSpPr>
          <p:nvPr/>
        </p:nvSpPr>
        <p:spPr>
          <a:xfrm>
            <a:off x="484865" y="2265015"/>
            <a:ext cx="3960000" cy="540000"/>
          </a:xfrm>
          <a:prstGeom prst="roundRect">
            <a:avLst>
              <a:gd name="adj" fmla="val 0"/>
            </a:avLst>
          </a:prstGeom>
          <a:gradFill>
            <a:gsLst>
              <a:gs pos="0">
                <a:schemeClr val="accent4">
                  <a:shade val="51000"/>
                  <a:satMod val="130000"/>
                </a:schemeClr>
              </a:gs>
              <a:gs pos="80000">
                <a:schemeClr val="accent4">
                  <a:shade val="93000"/>
                  <a:satMod val="130000"/>
                </a:schemeClr>
              </a:gs>
              <a:gs pos="100000">
                <a:schemeClr val="accent4">
                  <a:shade val="94000"/>
                  <a:satMod val="135000"/>
                </a:schemeClr>
              </a:gs>
            </a:gsLst>
            <a:lin ang="16200000" scaled="0"/>
          </a:gradFill>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Ⅰ</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健康・医療</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関連産業の世界的なクラスター形成</a:t>
            </a:r>
            <a:endPar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endParaRPr>
          </a:p>
        </p:txBody>
      </p:sp>
      <p:sp>
        <p:nvSpPr>
          <p:cNvPr id="40" name="角丸四角形 39"/>
          <p:cNvSpPr>
            <a:spLocks/>
          </p:cNvSpPr>
          <p:nvPr/>
        </p:nvSpPr>
        <p:spPr>
          <a:xfrm>
            <a:off x="4730941" y="2252315"/>
            <a:ext cx="3960000" cy="540000"/>
          </a:xfrm>
          <a:prstGeom prst="roundRect">
            <a:avLst>
              <a:gd name="adj" fmla="val 0"/>
            </a:avLst>
          </a:prstGeom>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Ⅱ</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インバウンド</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増加を契機と</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アジア市場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取り込み</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47" name="角丸四角形 46"/>
          <p:cNvSpPr>
            <a:spLocks/>
          </p:cNvSpPr>
          <p:nvPr/>
        </p:nvSpPr>
        <p:spPr>
          <a:xfrm>
            <a:off x="512161" y="2895354"/>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Ⅲ</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第</a:t>
            </a:r>
            <a:r>
              <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rPr>
              <a:t>4</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次</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産業革命に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イノベーション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促進と生産性</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向上</a:t>
            </a:r>
          </a:p>
        </p:txBody>
      </p:sp>
      <p:sp>
        <p:nvSpPr>
          <p:cNvPr id="48" name="角丸四角形 47"/>
          <p:cNvSpPr>
            <a:spLocks/>
          </p:cNvSpPr>
          <p:nvPr/>
        </p:nvSpPr>
        <p:spPr>
          <a:xfrm>
            <a:off x="4720566" y="2908298"/>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Ⅳ</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人口の減少と産業構造</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変化</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に</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人材力</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54" name="図形 53"/>
          <p:cNvSpPr/>
          <p:nvPr/>
        </p:nvSpPr>
        <p:spPr>
          <a:xfrm rot="5400000" flipH="1" flipV="1">
            <a:off x="270803" y="3512693"/>
            <a:ext cx="694435" cy="72235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55" name="上矢印 54"/>
          <p:cNvSpPr/>
          <p:nvPr/>
        </p:nvSpPr>
        <p:spPr>
          <a:xfrm>
            <a:off x="1820176" y="1096208"/>
            <a:ext cx="5508000" cy="511602"/>
          </a:xfrm>
          <a:prstGeom prst="upArrow">
            <a:avLst>
              <a:gd name="adj1" fmla="val 60589"/>
              <a:gd name="adj2" fmla="val 100000"/>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56" name="テキスト ボックス 55"/>
          <p:cNvSpPr txBox="1"/>
          <p:nvPr/>
        </p:nvSpPr>
        <p:spPr>
          <a:xfrm>
            <a:off x="2970803" y="1314594"/>
            <a:ext cx="4023040" cy="308265"/>
          </a:xfrm>
          <a:prstGeom prst="rect">
            <a:avLst/>
          </a:prstGeom>
          <a:noFill/>
        </p:spPr>
        <p:txBody>
          <a:bodyPr wrap="square" rtlCol="0">
            <a:sp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重点分野を中心に具体的取組みを集中的に実施</a:t>
            </a:r>
            <a:endParaRPr kumimoji="1" lang="ja-JP" altLang="en-US" sz="12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447343" y="1909548"/>
            <a:ext cx="1764196"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４つの重点分野</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図形 57"/>
          <p:cNvSpPr/>
          <p:nvPr/>
        </p:nvSpPr>
        <p:spPr>
          <a:xfrm rot="5400000" flipH="1">
            <a:off x="8151044" y="3484896"/>
            <a:ext cx="577304" cy="69734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60" name="正方形/長方形 59"/>
          <p:cNvSpPr/>
          <p:nvPr/>
        </p:nvSpPr>
        <p:spPr>
          <a:xfrm>
            <a:off x="165314" y="1682956"/>
            <a:ext cx="8832861" cy="3348000"/>
          </a:xfrm>
          <a:prstGeom prst="rect">
            <a:avLst/>
          </a:prstGeom>
          <a:noFill/>
          <a:ln w="44450" cmpd="dbl">
            <a:solidFill>
              <a:schemeClr val="bg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92D050"/>
              </a:solidFill>
              <a:effectLst/>
              <a:uLnTx/>
              <a:uFillTx/>
              <a:latin typeface="Calibri"/>
              <a:ea typeface="ＭＳ Ｐゴシック" panose="020B0600070205080204" pitchFamily="50" charset="-128"/>
              <a:cs typeface="+mn-cs"/>
            </a:endParaRPr>
          </a:p>
        </p:txBody>
      </p:sp>
      <p:sp>
        <p:nvSpPr>
          <p:cNvPr id="59" name="テキスト ボックス 58"/>
          <p:cNvSpPr txBox="1"/>
          <p:nvPr/>
        </p:nvSpPr>
        <p:spPr>
          <a:xfrm>
            <a:off x="979199" y="4931812"/>
            <a:ext cx="7598480" cy="224388"/>
          </a:xfrm>
          <a:prstGeom prst="rect">
            <a:avLst/>
          </a:prstGeom>
          <a:solidFill>
            <a:schemeClr val="bg1"/>
          </a:solidFill>
        </p:spPr>
        <p:txBody>
          <a:bodyPr wrap="square" tIns="0" bIns="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５源泉のもと、土壌となる知的ｲﾝﾌﾗや都市ｲﾝﾌﾗの更なる充実を図るとともに、４つの重点分野を設定</a:t>
            </a:r>
            <a:endParaRPr kumimoji="1" lang="ja-JP" altLang="en-US" sz="1400" b="1"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b="1" dirty="0">
                <a:solidFill>
                  <a:prstClr val="black"/>
                </a:solidFill>
                <a:latin typeface="Calibri"/>
                <a:ea typeface="ＭＳ Ｐゴシック" panose="020B0600070205080204" pitchFamily="50" charset="-128"/>
              </a:rPr>
              <a:t>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26975548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nvPr>
        </p:nvGraphicFramePr>
        <p:xfrm>
          <a:off x="179512" y="4459346"/>
          <a:ext cx="4503223" cy="2232249"/>
        </p:xfrm>
        <a:graphic>
          <a:graphicData uri="http://schemas.openxmlformats.org/drawingml/2006/table">
            <a:tbl>
              <a:tblPr firstRow="1" bandRow="1">
                <a:tableStyleId>{9D7B26C5-4107-4FEC-AEDC-1716B250A1EF}</a:tableStyleId>
              </a:tblPr>
              <a:tblGrid>
                <a:gridCol w="2335005">
                  <a:extLst>
                    <a:ext uri="{9D8B030D-6E8A-4147-A177-3AD203B41FA5}">
                      <a16:colId xmlns:a16="http://schemas.microsoft.com/office/drawing/2014/main" val="20000"/>
                    </a:ext>
                  </a:extLst>
                </a:gridCol>
                <a:gridCol w="1084109">
                  <a:extLst>
                    <a:ext uri="{9D8B030D-6E8A-4147-A177-3AD203B41FA5}">
                      <a16:colId xmlns:a16="http://schemas.microsoft.com/office/drawing/2014/main" val="20001"/>
                    </a:ext>
                  </a:extLst>
                </a:gridCol>
                <a:gridCol w="1084109">
                  <a:extLst>
                    <a:ext uri="{9D8B030D-6E8A-4147-A177-3AD203B41FA5}">
                      <a16:colId xmlns:a16="http://schemas.microsoft.com/office/drawing/2014/main" val="20002"/>
                    </a:ext>
                  </a:extLst>
                </a:gridCol>
              </a:tblGrid>
              <a:tr h="374155">
                <a:tc>
                  <a:txBody>
                    <a:bodyPr/>
                    <a:lstStyle/>
                    <a:p>
                      <a:pPr>
                        <a:lnSpc>
                          <a:spcPts val="1100"/>
                        </a:lnSpc>
                      </a:pP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訪問率</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49036">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旅行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4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外国人延べ宿泊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58192">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訪日外国人旅行消費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9" name="正方形/長方形 8"/>
          <p:cNvSpPr/>
          <p:nvPr/>
        </p:nvSpPr>
        <p:spPr>
          <a:xfrm>
            <a:off x="91882" y="2060848"/>
            <a:ext cx="4873438" cy="2416046"/>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画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計画期間：　概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ジアの文化観光首都・関西」としての地位の確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004048" y="2375873"/>
            <a:ext cx="3405399" cy="2420194"/>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観光周遊ルート「美の伝説」による誘客促進</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 Wi-Fi</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fficial</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endParaRPr lang="en-US" altLang="ja-JP" sz="12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ゴールデン・スポーツイヤーズ」</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ーマ</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情報発信やイベントなどを実施）</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台湾・香港・オーストラリア・ニュージーランド・中国・欧州等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4860032" y="2060848"/>
            <a:ext cx="2438488" cy="307777"/>
          </a:xfrm>
          <a:prstGeom prst="rect">
            <a:avLst/>
          </a:prstGeom>
          <a:noFill/>
        </p:spPr>
        <p:txBody>
          <a:bodyPr wrap="none" rtlCol="0">
            <a:spAutoFit/>
          </a:bodyPr>
          <a:lstStyle/>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998857" y="5235210"/>
            <a:ext cx="1932209" cy="461665"/>
          </a:xfrm>
          <a:prstGeom prst="rect">
            <a:avLst/>
          </a:prstGeom>
          <a:noFill/>
        </p:spPr>
        <p:txBody>
          <a:bodyPr wrap="square" rtlCol="0">
            <a:spAutoFit/>
          </a:bodyPr>
          <a:lstStyle/>
          <a:p>
            <a:r>
              <a:rPr kumimoji="1" lang="ja-JP" altLang="en-US" sz="1200" dirty="0" smtClean="0"/>
              <a:t>統一交通パス</a:t>
            </a:r>
            <a:endParaRPr kumimoji="1" lang="en-US" altLang="ja-JP" sz="1200" dirty="0" smtClean="0"/>
          </a:p>
          <a:p>
            <a:r>
              <a:rPr kumimoji="1" lang="ja-JP" altLang="en-US" sz="1200" dirty="0" smtClean="0"/>
              <a:t>「</a:t>
            </a:r>
            <a:r>
              <a:rPr kumimoji="1" lang="en-US" altLang="ja-JP" sz="1200" dirty="0" smtClean="0"/>
              <a:t>KANSAI ONE PASS</a:t>
            </a:r>
            <a:r>
              <a:rPr kumimoji="1" lang="ja-JP" altLang="en-US" sz="1200" dirty="0" smtClean="0"/>
              <a:t>」</a:t>
            </a:r>
            <a:endParaRPr kumimoji="1" lang="ja-JP" altLang="en-US" sz="1200" dirty="0"/>
          </a:p>
        </p:txBody>
      </p:sp>
      <p:sp>
        <p:nvSpPr>
          <p:cNvPr id="16" name="正方形/長方形 15"/>
          <p:cNvSpPr/>
          <p:nvPr/>
        </p:nvSpPr>
        <p:spPr>
          <a:xfrm>
            <a:off x="91882" y="483570"/>
            <a:ext cx="7344816"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の推進</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931808"/>
            <a:ext cx="8928992" cy="10295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西観光・文化振興計画」を改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めざして、一体的な事業に取り組んで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KANSAI ONE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SS</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優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典付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ード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車券）」の発売や旅行消費拡大に向けた取組みを行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6624615" y="5235210"/>
            <a:ext cx="1826398" cy="1170953"/>
          </a:xfrm>
          <a:prstGeom prst="rect">
            <a:avLst/>
          </a:prstGeom>
        </p:spPr>
      </p:pic>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txBox="1">
            <a:spLocks/>
          </p:cNvSpPr>
          <p:nvPr/>
        </p:nvSpPr>
        <p:spPr>
          <a:xfrm>
            <a:off x="7010400" y="649746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39</a:t>
            </a:fld>
            <a:endParaRPr lang="ja-JP" altLang="en-US" dirty="0"/>
          </a:p>
        </p:txBody>
      </p:sp>
    </p:spTree>
    <p:extLst>
      <p:ext uri="{BB962C8B-B14F-4D97-AF65-F5344CB8AC3E}">
        <p14:creationId xmlns:p14="http://schemas.microsoft.com/office/powerpoint/2010/main" val="4066543433"/>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541656" cy="6120680"/>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女性や高齢者、若者など多様な人材が活躍し続ける仕組みづく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セーフティネット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景気回復などを背景に、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情勢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く改善。一方で、人手不足の深刻化や若い世代の首都圏への流出、女性や高齢者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が全国を下回る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もみられる。引き続き、働く意欲のある潜在的な人材の活躍につながる取組みをより一層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必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りわ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能力を活かす取組みや、若い世代が安定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就業し職場定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仕組みの構築や高齢者が長く活躍できる職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大学や産業界との連携をより深めて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国際競争を勝ち抜くハイエンド人材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第４次産業革命の進展や産業構造の変革に対応できる人材力の強化が新たな課題。また、成長するアジアとの接続強化、一体化を図れる人材の育成が不可欠。学校教育や職業能力開発、リカレント教育も含め、官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やグローバル人材の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外国人高度専門人材等の受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内の外国人留学生や外国人高度専門人材は増加傾向。引き続き、外国人留学生の受入れ強化や就職支援に取組むとともに、すそ野の広い外国人人材の受入拡大の検討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成長を支える基盤となる人材の育成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中学校の学力調査の結果は全国平均に至らなかったものの、特に中学校では改善傾向がみられる。引き続き、市町村との連携のもと、基礎学力の徹底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地域の強みを活かす労働市場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非正規雇用の割合が高く、中間所得層も減少。雇用の質の改善や、教育・福祉などの施策と一体となった総合的な雇用対策、産業振興と一体となった人材育成など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0</a:t>
            </a:fld>
            <a:endParaRPr lang="ja-JP" altLang="en-US" b="1" dirty="0"/>
          </a:p>
        </p:txBody>
      </p:sp>
    </p:spTree>
    <p:extLst>
      <p:ext uri="{BB962C8B-B14F-4D97-AF65-F5344CB8AC3E}">
        <p14:creationId xmlns:p14="http://schemas.microsoft.com/office/powerpoint/2010/main" val="69726110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外国人留学生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2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同様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専門的・技術的分野」の在留資格を有し、府内事業所に勤務す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8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対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それぞれ、戦略策定時から２倍近く増加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就業率は、全体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女性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とそれぞれ上昇しているものの、全国平均を下回っ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962666400"/>
              </p:ext>
            </p:extLst>
          </p:nvPr>
        </p:nvGraphicFramePr>
        <p:xfrm>
          <a:off x="35496" y="2348880"/>
          <a:ext cx="9060959" cy="3477300"/>
        </p:xfrm>
        <a:graphic>
          <a:graphicData uri="http://schemas.openxmlformats.org/drawingml/2006/table">
            <a:tbl>
              <a:tblPr firstRow="1" bandRow="1">
                <a:tableStyleId>{5940675A-B579-460E-94D1-54222C63F5DA}</a:tableStyleId>
              </a:tblPr>
              <a:tblGrid>
                <a:gridCol w="730723">
                  <a:extLst>
                    <a:ext uri="{9D8B030D-6E8A-4147-A177-3AD203B41FA5}">
                      <a16:colId xmlns:a16="http://schemas.microsoft.com/office/drawing/2014/main" val="20000"/>
                    </a:ext>
                  </a:extLst>
                </a:gridCol>
                <a:gridCol w="477067">
                  <a:extLst>
                    <a:ext uri="{9D8B030D-6E8A-4147-A177-3AD203B41FA5}">
                      <a16:colId xmlns:a16="http://schemas.microsoft.com/office/drawing/2014/main" val="20001"/>
                    </a:ext>
                  </a:extLst>
                </a:gridCol>
                <a:gridCol w="690323">
                  <a:extLst>
                    <a:ext uri="{9D8B030D-6E8A-4147-A177-3AD203B41FA5}">
                      <a16:colId xmlns:a16="http://schemas.microsoft.com/office/drawing/2014/main" val="20002"/>
                    </a:ext>
                  </a:extLst>
                </a:gridCol>
                <a:gridCol w="690323">
                  <a:extLst>
                    <a:ext uri="{9D8B030D-6E8A-4147-A177-3AD203B41FA5}">
                      <a16:colId xmlns:a16="http://schemas.microsoft.com/office/drawing/2014/main" val="20003"/>
                    </a:ext>
                  </a:extLst>
                </a:gridCol>
                <a:gridCol w="690323">
                  <a:extLst>
                    <a:ext uri="{9D8B030D-6E8A-4147-A177-3AD203B41FA5}">
                      <a16:colId xmlns:a16="http://schemas.microsoft.com/office/drawing/2014/main" val="20004"/>
                    </a:ext>
                  </a:extLst>
                </a:gridCol>
                <a:gridCol w="690323">
                  <a:extLst>
                    <a:ext uri="{9D8B030D-6E8A-4147-A177-3AD203B41FA5}">
                      <a16:colId xmlns:a16="http://schemas.microsoft.com/office/drawing/2014/main" val="20005"/>
                    </a:ext>
                  </a:extLst>
                </a:gridCol>
                <a:gridCol w="690323">
                  <a:extLst>
                    <a:ext uri="{9D8B030D-6E8A-4147-A177-3AD203B41FA5}">
                      <a16:colId xmlns:a16="http://schemas.microsoft.com/office/drawing/2014/main" val="20006"/>
                    </a:ext>
                  </a:extLst>
                </a:gridCol>
                <a:gridCol w="690323">
                  <a:extLst>
                    <a:ext uri="{9D8B030D-6E8A-4147-A177-3AD203B41FA5}">
                      <a16:colId xmlns:a16="http://schemas.microsoft.com/office/drawing/2014/main" val="20007"/>
                    </a:ext>
                  </a:extLst>
                </a:gridCol>
                <a:gridCol w="690323">
                  <a:extLst>
                    <a:ext uri="{9D8B030D-6E8A-4147-A177-3AD203B41FA5}">
                      <a16:colId xmlns:a16="http://schemas.microsoft.com/office/drawing/2014/main" val="20008"/>
                    </a:ext>
                  </a:extLst>
                </a:gridCol>
                <a:gridCol w="690323">
                  <a:extLst>
                    <a:ext uri="{9D8B030D-6E8A-4147-A177-3AD203B41FA5}">
                      <a16:colId xmlns:a16="http://schemas.microsoft.com/office/drawing/2014/main" val="20009"/>
                    </a:ext>
                  </a:extLst>
                </a:gridCol>
                <a:gridCol w="690323">
                  <a:extLst>
                    <a:ext uri="{9D8B030D-6E8A-4147-A177-3AD203B41FA5}">
                      <a16:colId xmlns:a16="http://schemas.microsoft.com/office/drawing/2014/main" val="1791935493"/>
                    </a:ext>
                  </a:extLst>
                </a:gridCol>
                <a:gridCol w="690323">
                  <a:extLst>
                    <a:ext uri="{9D8B030D-6E8A-4147-A177-3AD203B41FA5}">
                      <a16:colId xmlns:a16="http://schemas.microsoft.com/office/drawing/2014/main" val="1937158705"/>
                    </a:ext>
                  </a:extLst>
                </a:gridCol>
                <a:gridCol w="949939">
                  <a:extLst>
                    <a:ext uri="{9D8B030D-6E8A-4147-A177-3AD203B41FA5}">
                      <a16:colId xmlns:a16="http://schemas.microsoft.com/office/drawing/2014/main" val="20010"/>
                    </a:ext>
                  </a:extLst>
                </a:gridCol>
              </a:tblGrid>
              <a:tr h="434842">
                <a:tc gridSpan="2">
                  <a:txBody>
                    <a:bodyPr/>
                    <a:lstStyle/>
                    <a:p>
                      <a:pPr algn="ct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1</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936583">
                <a:tc gridSpan="2">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留学生数</a:t>
                      </a:r>
                      <a:r>
                        <a:rPr kumimoji="1" lang="ja-JP" altLang="en-US"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9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411</a:t>
                      </a:r>
                      <a:r>
                        <a:rPr kumimoji="1" lang="ja-JP" altLang="en-US"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683</a:t>
                      </a:r>
                      <a:r>
                        <a:rPr kumimoji="1" lang="ja-JP" altLang="en-US"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51</a:t>
                      </a:r>
                      <a:r>
                        <a:rPr kumimoji="1" lang="ja-JP" altLang="en-US"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257</a:t>
                      </a:r>
                      <a:r>
                        <a:rPr kumimoji="1" lang="ja-JP" altLang="en-US" sz="8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p>
                  </a:txBody>
                  <a:tcPr marL="91436" marR="91436" marT="45701" marB="45701"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月１日時点</a:t>
                      </a:r>
                      <a:endParaRPr kumimoji="1" lang="en-US" altLang="ja-JP" sz="8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769336">
                <a:tc gridSpan="2">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58</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1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667551">
                <a:tc rowSpan="2">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0%</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0%]</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3"/>
                  </a:ext>
                </a:extLst>
              </a:tr>
              <a:tr h="668988">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r>
                        <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4%</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3%]</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8%</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8%]</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9%</a:t>
                      </a:r>
                    </a:p>
                    <a:p>
                      <a:pPr marL="0" indent="0" algn="ctr">
                        <a:tabLst/>
                      </a:pPr>
                      <a:r>
                        <a:rPr kumimoji="1" lang="en-US" altLang="ja-JP"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8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bl>
          </a:graphicData>
        </a:graphic>
      </p:graphicFrame>
      <p:sp>
        <p:nvSpPr>
          <p:cNvPr id="14" name="テキスト ボックス 13"/>
          <p:cNvSpPr txBox="1"/>
          <p:nvPr/>
        </p:nvSpPr>
        <p:spPr>
          <a:xfrm>
            <a:off x="71486" y="6127738"/>
            <a:ext cx="4626514" cy="261610"/>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就業率</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歳以上人口に占め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就業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割合</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1</a:t>
            </a:fld>
            <a:endParaRPr lang="ja-JP" altLang="en-US" b="1" dirty="0"/>
          </a:p>
        </p:txBody>
      </p:sp>
    </p:spTree>
    <p:extLst>
      <p:ext uri="{BB962C8B-B14F-4D97-AF65-F5344CB8AC3E}">
        <p14:creationId xmlns:p14="http://schemas.microsoft.com/office/powerpoint/2010/main" val="361822001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2" name="テキスト ボックス 1"/>
          <p:cNvSpPr txBox="1"/>
          <p:nvPr/>
        </p:nvSpPr>
        <p:spPr>
          <a:xfrm>
            <a:off x="52624" y="6033328"/>
            <a:ext cx="626469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は実施せ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2</a:t>
            </a:fld>
            <a:endParaRPr lang="ja-JP" altLang="en-US" b="1" dirty="0"/>
          </a:p>
        </p:txBody>
      </p:sp>
      <p:graphicFrame>
        <p:nvGraphicFramePr>
          <p:cNvPr id="8" name="表 7"/>
          <p:cNvGraphicFramePr>
            <a:graphicFrameLocks noGrp="1"/>
          </p:cNvGraphicFramePr>
          <p:nvPr>
            <p:extLst>
              <p:ext uri="{D42A27DB-BD31-4B8C-83A1-F6EECF244321}">
                <p14:modId xmlns:p14="http://schemas.microsoft.com/office/powerpoint/2010/main" val="597038470"/>
              </p:ext>
            </p:extLst>
          </p:nvPr>
        </p:nvGraphicFramePr>
        <p:xfrm>
          <a:off x="149185" y="2492896"/>
          <a:ext cx="8845630" cy="3543300"/>
        </p:xfrm>
        <a:graphic>
          <a:graphicData uri="http://schemas.openxmlformats.org/drawingml/2006/table">
            <a:tbl>
              <a:tblPr firstRow="1" bandRow="1">
                <a:tableStyleId>{5940675A-B579-460E-94D1-54222C63F5DA}</a:tableStyleId>
              </a:tblPr>
              <a:tblGrid>
                <a:gridCol w="768284">
                  <a:extLst>
                    <a:ext uri="{9D8B030D-6E8A-4147-A177-3AD203B41FA5}">
                      <a16:colId xmlns:a16="http://schemas.microsoft.com/office/drawing/2014/main" val="20000"/>
                    </a:ext>
                  </a:extLst>
                </a:gridCol>
                <a:gridCol w="518774">
                  <a:extLst>
                    <a:ext uri="{9D8B030D-6E8A-4147-A177-3AD203B41FA5}">
                      <a16:colId xmlns:a16="http://schemas.microsoft.com/office/drawing/2014/main" val="20001"/>
                    </a:ext>
                  </a:extLst>
                </a:gridCol>
                <a:gridCol w="719864">
                  <a:extLst>
                    <a:ext uri="{9D8B030D-6E8A-4147-A177-3AD203B41FA5}">
                      <a16:colId xmlns:a16="http://schemas.microsoft.com/office/drawing/2014/main" val="20002"/>
                    </a:ext>
                  </a:extLst>
                </a:gridCol>
                <a:gridCol w="719864">
                  <a:extLst>
                    <a:ext uri="{9D8B030D-6E8A-4147-A177-3AD203B41FA5}">
                      <a16:colId xmlns:a16="http://schemas.microsoft.com/office/drawing/2014/main" val="20003"/>
                    </a:ext>
                  </a:extLst>
                </a:gridCol>
                <a:gridCol w="719864">
                  <a:extLst>
                    <a:ext uri="{9D8B030D-6E8A-4147-A177-3AD203B41FA5}">
                      <a16:colId xmlns:a16="http://schemas.microsoft.com/office/drawing/2014/main" val="20004"/>
                    </a:ext>
                  </a:extLst>
                </a:gridCol>
                <a:gridCol w="719864">
                  <a:extLst>
                    <a:ext uri="{9D8B030D-6E8A-4147-A177-3AD203B41FA5}">
                      <a16:colId xmlns:a16="http://schemas.microsoft.com/office/drawing/2014/main" val="20005"/>
                    </a:ext>
                  </a:extLst>
                </a:gridCol>
                <a:gridCol w="719864">
                  <a:extLst>
                    <a:ext uri="{9D8B030D-6E8A-4147-A177-3AD203B41FA5}">
                      <a16:colId xmlns:a16="http://schemas.microsoft.com/office/drawing/2014/main" val="20006"/>
                    </a:ext>
                  </a:extLst>
                </a:gridCol>
                <a:gridCol w="719864">
                  <a:extLst>
                    <a:ext uri="{9D8B030D-6E8A-4147-A177-3AD203B41FA5}">
                      <a16:colId xmlns:a16="http://schemas.microsoft.com/office/drawing/2014/main" val="20007"/>
                    </a:ext>
                  </a:extLst>
                </a:gridCol>
                <a:gridCol w="719864">
                  <a:extLst>
                    <a:ext uri="{9D8B030D-6E8A-4147-A177-3AD203B41FA5}">
                      <a16:colId xmlns:a16="http://schemas.microsoft.com/office/drawing/2014/main" val="20008"/>
                    </a:ext>
                  </a:extLst>
                </a:gridCol>
                <a:gridCol w="719864">
                  <a:extLst>
                    <a:ext uri="{9D8B030D-6E8A-4147-A177-3AD203B41FA5}">
                      <a16:colId xmlns:a16="http://schemas.microsoft.com/office/drawing/2014/main" val="20009"/>
                    </a:ext>
                  </a:extLst>
                </a:gridCol>
                <a:gridCol w="719864">
                  <a:extLst>
                    <a:ext uri="{9D8B030D-6E8A-4147-A177-3AD203B41FA5}">
                      <a16:colId xmlns:a16="http://schemas.microsoft.com/office/drawing/2014/main" val="4066871404"/>
                    </a:ext>
                  </a:extLst>
                </a:gridCol>
                <a:gridCol w="1079796">
                  <a:extLst>
                    <a:ext uri="{9D8B030D-6E8A-4147-A177-3AD203B41FA5}">
                      <a16:colId xmlns:a16="http://schemas.microsoft.com/office/drawing/2014/main" val="20010"/>
                    </a:ext>
                  </a:extLst>
                </a:gridCol>
              </a:tblGrid>
              <a:tr h="227039">
                <a:tc gridSpan="2">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5">
                        <a:lumMod val="60000"/>
                        <a:lumOff val="40000"/>
                      </a:schemeClr>
                    </a:solidFill>
                  </a:tcPr>
                </a:tc>
                <a:tc>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489007">
                <a:tc rowSpan="2">
                  <a:txBody>
                    <a:bodyPr/>
                    <a:lstStyle/>
                    <a:p>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1%]</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89007">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0"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5</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6%]</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6%]</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3%]</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66365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公立高校</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 </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3%]</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4%</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時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高等学校・中等教育学校（後期課程）における英語教育実施状況調査」</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9" name="正方形/長方形 8"/>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学力調査結果（正答率）は、小学校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中学校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小学校、中学校ともに全国平均を下回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公立高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向上がみられ、昨年度に引き続き、全国の水準を上回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0699647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縮小傾向にあるものの、依然とし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差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dirty="0">
                <a:latin typeface="Meiryo UI" panose="020B0604030504040204" pitchFamily="50" charset="-128"/>
                <a:ea typeface="Meiryo UI" panose="020B0604030504040204" pitchFamily="50" charset="-128"/>
              </a:rPr>
              <a:t>　</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3</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20950633"/>
              </p:ext>
            </p:extLst>
          </p:nvPr>
        </p:nvGraphicFramePr>
        <p:xfrm>
          <a:off x="0" y="2285931"/>
          <a:ext cx="9036496" cy="43834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27240654"/>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107504" y="43852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９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総務省「就業構造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19321" y="1034890"/>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女性の有業率をみると、いわゆる「Ｍ字カーブ」の谷は改善されつつあるものの、全国平均に比べ低い状況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然、働く意思がありながら就業できていない人は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4</a:t>
            </a:fld>
            <a:endParaRPr lang="ja-JP" altLang="en-US" b="1" dirty="0"/>
          </a:p>
        </p:txBody>
      </p:sp>
      <p:pic>
        <p:nvPicPr>
          <p:cNvPr id="3" name="図 2"/>
          <p:cNvPicPr>
            <a:picLocks noChangeAspect="1"/>
          </p:cNvPicPr>
          <p:nvPr/>
        </p:nvPicPr>
        <p:blipFill>
          <a:blip r:embed="rId3"/>
          <a:stretch>
            <a:fillRect/>
          </a:stretch>
        </p:blipFill>
        <p:spPr>
          <a:xfrm>
            <a:off x="580633" y="2267780"/>
            <a:ext cx="8285182" cy="4584589"/>
          </a:xfrm>
          <a:prstGeom prst="rect">
            <a:avLst/>
          </a:prstGeom>
        </p:spPr>
      </p:pic>
    </p:spTree>
    <p:extLst>
      <p:ext uri="{BB962C8B-B14F-4D97-AF65-F5344CB8AC3E}">
        <p14:creationId xmlns:p14="http://schemas.microsoft.com/office/powerpoint/2010/main" val="546774899"/>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31678" y="41647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dirty="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688235" y="474074"/>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6952146" y="6493160"/>
            <a:ext cx="2133600" cy="365125"/>
          </a:xfrm>
        </p:spPr>
        <p:txBody>
          <a:bodyPr/>
          <a:lstStyle/>
          <a:p>
            <a:pPr>
              <a:defRPr/>
            </a:pPr>
            <a:r>
              <a:rPr lang="en-US" altLang="ja-JP" b="1" dirty="0" smtClean="0"/>
              <a:t>45</a:t>
            </a:r>
            <a:endParaRPr lang="ja-JP" altLang="en-US" b="1" dirty="0"/>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nvPr>
        </p:nvGraphicFramePr>
        <p:xfrm>
          <a:off x="511771" y="2050384"/>
          <a:ext cx="8352928" cy="243160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nvPr>
        </p:nvGraphicFramePr>
        <p:xfrm>
          <a:off x="517867" y="4481991"/>
          <a:ext cx="8346831" cy="275104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3090138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歳以上の労働力人口と就業率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増加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し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6</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821473880"/>
              </p:ext>
            </p:extLst>
          </p:nvPr>
        </p:nvGraphicFramePr>
        <p:xfrm>
          <a:off x="251520" y="2156574"/>
          <a:ext cx="8496944" cy="433067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39958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7</a:t>
            </a:fld>
            <a:endParaRPr lang="ja-JP" altLang="en-US" b="1" dirty="0"/>
          </a:p>
        </p:txBody>
      </p:sp>
      <p:graphicFrame>
        <p:nvGraphicFramePr>
          <p:cNvPr id="9" name="グラフ 8"/>
          <p:cNvGraphicFramePr>
            <a:graphicFrameLocks/>
          </p:cNvGraphicFramePr>
          <p:nvPr>
            <p:extLst/>
          </p:nvPr>
        </p:nvGraphicFramePr>
        <p:xfrm>
          <a:off x="263913" y="2564904"/>
          <a:ext cx="8642835" cy="4899198"/>
        </p:xfrm>
        <a:graphic>
          <a:graphicData uri="http://schemas.openxmlformats.org/drawingml/2006/chart">
            <c:chart xmlns:c="http://schemas.openxmlformats.org/drawingml/2006/chart" xmlns:r="http://schemas.openxmlformats.org/officeDocument/2006/relationships" r:id="rId3"/>
          </a:graphicData>
        </a:graphic>
      </p:graphicFrame>
      <p:sp>
        <p:nvSpPr>
          <p:cNvPr id="10" name="正方形/長方形 9"/>
          <p:cNvSpPr/>
          <p:nvPr/>
        </p:nvSpPr>
        <p:spPr>
          <a:xfrm>
            <a:off x="1259632" y="3356992"/>
            <a:ext cx="576064" cy="1872208"/>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Tree>
    <p:extLst>
      <p:ext uri="{BB962C8B-B14F-4D97-AF65-F5344CB8AC3E}">
        <p14:creationId xmlns:p14="http://schemas.microsoft.com/office/powerpoint/2010/main" val="80417993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72826" y="517054"/>
            <a:ext cx="875831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非正規として働く高齢者が増え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造基本調査」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48</a:t>
            </a:fld>
            <a:endParaRPr lang="ja-JP" altLang="en-US" b="1" dirty="0"/>
          </a:p>
        </p:txBody>
      </p:sp>
      <p:graphicFrame>
        <p:nvGraphicFramePr>
          <p:cNvPr id="12" name="グラフ 11"/>
          <p:cNvGraphicFramePr>
            <a:graphicFrameLocks/>
          </p:cNvGraphicFramePr>
          <p:nvPr>
            <p:extLst/>
          </p:nvPr>
        </p:nvGraphicFramePr>
        <p:xfrm>
          <a:off x="147585" y="2570698"/>
          <a:ext cx="3714750" cy="36195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nvPr>
        </p:nvGraphicFramePr>
        <p:xfrm>
          <a:off x="3910173" y="2617610"/>
          <a:ext cx="5126323" cy="4267774"/>
        </p:xfrm>
        <a:graphic>
          <a:graphicData uri="http://schemas.openxmlformats.org/drawingml/2006/chart">
            <c:chart xmlns:c="http://schemas.openxmlformats.org/drawingml/2006/chart" xmlns:r="http://schemas.openxmlformats.org/officeDocument/2006/relationships" r:id="rId4"/>
          </a:graphicData>
        </a:graphic>
      </p:graphicFrame>
      <p:sp>
        <p:nvSpPr>
          <p:cNvPr id="14" name="正方形/長方形 13"/>
          <p:cNvSpPr/>
          <p:nvPr/>
        </p:nvSpPr>
        <p:spPr>
          <a:xfrm>
            <a:off x="8109520" y="4954979"/>
            <a:ext cx="914400" cy="962025"/>
          </a:xfrm>
          <a:prstGeom prst="rect">
            <a:avLst/>
          </a:prstGeom>
          <a:noFill/>
          <a:ln>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Tree>
    <p:extLst>
      <p:ext uri="{BB962C8B-B14F-4D97-AF65-F5344CB8AC3E}">
        <p14:creationId xmlns:p14="http://schemas.microsoft.com/office/powerpoint/2010/main" val="171208458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489216727"/>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グラフ 15"/>
          <p:cNvGraphicFramePr>
            <a:graphicFrameLocks/>
          </p:cNvGraphicFramePr>
          <p:nvPr>
            <p:extLst>
              <p:ext uri="{D42A27DB-BD31-4B8C-83A1-F6EECF244321}">
                <p14:modId xmlns:p14="http://schemas.microsoft.com/office/powerpoint/2010/main" val="1848619967"/>
              </p:ext>
            </p:extLst>
          </p:nvPr>
        </p:nvGraphicFramePr>
        <p:xfrm>
          <a:off x="395536" y="2470952"/>
          <a:ext cx="8214590" cy="4468795"/>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125391" y="473096"/>
            <a:ext cx="8758311"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上昇。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0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72400"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9186"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49</a:t>
            </a:fld>
            <a:endParaRPr lang="ja-JP" altLang="en-US" b="1" dirty="0"/>
          </a:p>
        </p:txBody>
      </p:sp>
      <p:cxnSp>
        <p:nvCxnSpPr>
          <p:cNvPr id="13" name="直線コネクタ 12"/>
          <p:cNvCxnSpPr/>
          <p:nvPr/>
        </p:nvCxnSpPr>
        <p:spPr>
          <a:xfrm flipH="1">
            <a:off x="2843808" y="3752944"/>
            <a:ext cx="288032" cy="432048"/>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flipH="1" flipV="1">
            <a:off x="4379155" y="3068960"/>
            <a:ext cx="288032" cy="396044"/>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flipV="1">
            <a:off x="5004048" y="4671703"/>
            <a:ext cx="360040" cy="198022"/>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5868144" y="5013176"/>
            <a:ext cx="144039" cy="360051"/>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2182911" y="2791961"/>
            <a:ext cx="3325193"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定雇用率達成企業の割合（全国）</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469243" y="4184992"/>
            <a:ext cx="3534805"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定雇用率達成企業の割合（大阪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右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411760" y="4514605"/>
            <a:ext cx="2727381"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実雇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率</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国）</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860032" y="5373227"/>
            <a:ext cx="2892173" cy="276999"/>
          </a:xfrm>
          <a:prstGeom prst="rect">
            <a:avLst/>
          </a:prstGeom>
          <a:noFill/>
        </p:spPr>
        <p:txBody>
          <a:bodyPr wrap="square" rtlCol="0">
            <a:spAutoFit/>
          </a:bodyPr>
          <a:lstStyle/>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実雇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率</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盛り</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76324869"/>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43348" y="458525"/>
            <a:ext cx="8758311"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の</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者実雇用率の推移（全国）</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をみると、医療福祉分野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飲食サービス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卸売業・小売業、建設業、情報通信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雇用率が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6215" y="2038158"/>
            <a:ext cx="890450"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0</a:t>
            </a:fld>
            <a:endParaRPr lang="ja-JP" altLang="en-US" b="1" dirty="0"/>
          </a:p>
        </p:txBody>
      </p:sp>
      <p:graphicFrame>
        <p:nvGraphicFramePr>
          <p:cNvPr id="9" name="グラフ 8"/>
          <p:cNvGraphicFramePr>
            <a:graphicFrameLocks/>
          </p:cNvGraphicFramePr>
          <p:nvPr>
            <p:extLst/>
          </p:nvPr>
        </p:nvGraphicFramePr>
        <p:xfrm>
          <a:off x="136871" y="2092018"/>
          <a:ext cx="8742275" cy="470615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8113479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113440" y="536104"/>
            <a:ext cx="9009922"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1465" y="250392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6025" y="2780928"/>
            <a:ext cx="3945935" cy="93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07504" y="1116419"/>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9.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時から回復基調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就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低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1</a:t>
            </a:fld>
            <a:endParaRPr lang="ja-JP" altLang="en-US" b="1" dirty="0"/>
          </a:p>
        </p:txBody>
      </p:sp>
      <p:graphicFrame>
        <p:nvGraphicFramePr>
          <p:cNvPr id="14" name="グラフ 13"/>
          <p:cNvGraphicFramePr>
            <a:graphicFrameLocks/>
          </p:cNvGraphicFramePr>
          <p:nvPr>
            <p:extLst/>
          </p:nvPr>
        </p:nvGraphicFramePr>
        <p:xfrm>
          <a:off x="537943" y="3693407"/>
          <a:ext cx="7994497" cy="304790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870207517"/>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60977" y="457118"/>
            <a:ext cx="816136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全産業における求人充足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福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31028" y="6556870"/>
            <a:ext cx="30448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線を引いた数値は全産業の充足率を示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円/楕円 3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2</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249911047"/>
              </p:ext>
            </p:extLst>
          </p:nvPr>
        </p:nvGraphicFramePr>
        <p:xfrm>
          <a:off x="83038" y="2276873"/>
          <a:ext cx="8928993" cy="427999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561938997"/>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8"/>
          <p:cNvSpPr>
            <a:spLocks noChangeArrowheads="1"/>
          </p:cNvSpPr>
          <p:nvPr/>
        </p:nvSpPr>
        <p:spPr bwMode="auto">
          <a:xfrm>
            <a:off x="323528" y="717446"/>
            <a:ext cx="7200800" cy="286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dirty="0">
                <a:latin typeface="Meiryo UI" panose="020B0604030504040204" pitchFamily="50" charset="-128"/>
                <a:ea typeface="Meiryo UI" panose="020B0604030504040204" pitchFamily="50" charset="-128"/>
                <a:cs typeface="Meiryo UI" panose="020B0604030504040204" pitchFamily="50" charset="-128"/>
              </a:rPr>
              <a:t>別非正規</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割合</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53</a:t>
            </a:fld>
            <a:endParaRPr lang="ja-JP" altLang="en-US" b="1" dirty="0"/>
          </a:p>
        </p:txBody>
      </p:sp>
      <p:sp>
        <p:nvSpPr>
          <p:cNvPr id="81" name="正方形/長方形 80"/>
          <p:cNvSpPr/>
          <p:nvPr/>
        </p:nvSpPr>
        <p:spPr>
          <a:xfrm>
            <a:off x="83039"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非正規割合は全体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3%</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鉱業、採石業、砂利採取業」や「宿泊業、飲食サービス業」、「生活関連サービス業、娯楽業」、「サービス業（他に分類されないもの）」、「卸売業、小売業」などでその割合が高く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
          <p:cNvSpPr>
            <a:spLocks noChangeArrowheads="1"/>
          </p:cNvSpPr>
          <p:nvPr/>
        </p:nvSpPr>
        <p:spPr bwMode="auto">
          <a:xfrm>
            <a:off x="61190" y="6566300"/>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全国）が</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2" name="グラフ 51"/>
          <p:cNvGraphicFramePr>
            <a:graphicFrameLocks/>
          </p:cNvGraphicFramePr>
          <p:nvPr>
            <p:extLst>
              <p:ext uri="{D42A27DB-BD31-4B8C-83A1-F6EECF244321}">
                <p14:modId xmlns:p14="http://schemas.microsoft.com/office/powerpoint/2010/main" val="2301223549"/>
              </p:ext>
            </p:extLst>
          </p:nvPr>
        </p:nvGraphicFramePr>
        <p:xfrm>
          <a:off x="-143133" y="2261512"/>
          <a:ext cx="9225942" cy="4081530"/>
        </p:xfrm>
        <a:graphic>
          <a:graphicData uri="http://schemas.openxmlformats.org/drawingml/2006/chart">
            <c:chart xmlns:c="http://schemas.openxmlformats.org/drawingml/2006/chart" xmlns:r="http://schemas.openxmlformats.org/officeDocument/2006/relationships" r:id="rId3"/>
          </a:graphicData>
        </a:graphic>
      </p:graphicFrame>
      <p:sp>
        <p:nvSpPr>
          <p:cNvPr id="53" name="正方形/長方形 52"/>
          <p:cNvSpPr/>
          <p:nvPr/>
        </p:nvSpPr>
        <p:spPr>
          <a:xfrm>
            <a:off x="61190" y="6291185"/>
            <a:ext cx="9021619" cy="369332"/>
          </a:xfrm>
          <a:prstGeom prst="rect">
            <a:avLst/>
          </a:prstGeom>
        </p:spPr>
        <p:txBody>
          <a:bodyPr wrap="square">
            <a:spAutoFit/>
          </a:bodyPr>
          <a:lstStyle/>
          <a:p>
            <a:pPr marL="144466" indent="-144466">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合</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正規の職員・従業員と非正規の職員・従業員の合計人数に占める非正規の職員・従業員数の割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44466" indent="-144466">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非正規</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合</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非正規の職員・従業員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0</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98502" y="6167742"/>
            <a:ext cx="81010" cy="6957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242518" y="2015699"/>
            <a:ext cx="2169242" cy="26117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dirty="0" smtClean="0">
                <a:solidFill>
                  <a:schemeClr val="tx1"/>
                </a:solidFill>
                <a:latin typeface="Meiryo UI" panose="020B0604030504040204" pitchFamily="50" charset="-128"/>
                <a:ea typeface="Meiryo UI" panose="020B0604030504040204" pitchFamily="50" charset="-128"/>
              </a:rPr>
              <a:t>○産業別非正規割合</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925094736"/>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35496" y="4264488"/>
            <a:ext cx="897653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ら海外に留学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生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p>
        </p:txBody>
      </p:sp>
      <p:sp>
        <p:nvSpPr>
          <p:cNvPr id="6" name="テキスト ボックス 5"/>
          <p:cNvSpPr txBox="1"/>
          <p:nvPr/>
        </p:nvSpPr>
        <p:spPr>
          <a:xfrm>
            <a:off x="129595" y="6213710"/>
            <a:ext cx="8882436" cy="415498"/>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国内の大学等と諸外国の大学等との学生交流に関する協定等に基づき、教育又は研究等を目的とし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海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大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海外に所在する日本の大学等の分校は除く。）で留学を開始した日本人学生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数</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534063"/>
            <a:ext cx="7344816"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グローバル化・</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グローバル人材の育成状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7282" y="2015044"/>
            <a:ext cx="8567166" cy="677108"/>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Q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大学ランキング</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t> </a:t>
            </a:r>
            <a:r>
              <a:rPr lang="en-US" altLang="ja-JP" sz="1200" dirty="0" err="1"/>
              <a:t>Quacquarelli</a:t>
            </a:r>
            <a:r>
              <a:rPr lang="en-US" altLang="ja-JP" sz="1200" dirty="0"/>
              <a:t> Symonds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t> QS World University Rankings </a:t>
            </a:r>
            <a:r>
              <a:rPr lang="en-US" altLang="ja-JP" sz="1200" dirty="0" smtClean="0"/>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学術界からの評判、企業からの評判、論文の引用数、</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index</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つ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の得点を個別に算出し、それらの合計によ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P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大学を選出してい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
          <p:cNvGraphicFramePr>
            <a:graphicFrameLocks noGrp="1"/>
          </p:cNvGraphicFramePr>
          <p:nvPr>
            <p:extLst>
              <p:ext uri="{D42A27DB-BD31-4B8C-83A1-F6EECF244321}">
                <p14:modId xmlns:p14="http://schemas.microsoft.com/office/powerpoint/2010/main" val="950655015"/>
              </p:ext>
            </p:extLst>
          </p:nvPr>
        </p:nvGraphicFramePr>
        <p:xfrm>
          <a:off x="240264" y="2672189"/>
          <a:ext cx="8690876" cy="1044844"/>
        </p:xfrm>
        <a:graphic>
          <a:graphicData uri="http://schemas.openxmlformats.org/drawingml/2006/table">
            <a:tbl>
              <a:tblPr firstRow="1" bandRow="1">
                <a:tableStyleId>{5C22544A-7EE6-4342-B048-85BDC9FD1C3A}</a:tableStyleId>
              </a:tblPr>
              <a:tblGrid>
                <a:gridCol w="828744">
                  <a:extLst>
                    <a:ext uri="{9D8B030D-6E8A-4147-A177-3AD203B41FA5}">
                      <a16:colId xmlns:a16="http://schemas.microsoft.com/office/drawing/2014/main" val="20000"/>
                    </a:ext>
                  </a:extLst>
                </a:gridCol>
                <a:gridCol w="1453421">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gridCol w="1728192">
                  <a:extLst>
                    <a:ext uri="{9D8B030D-6E8A-4147-A177-3AD203B41FA5}">
                      <a16:colId xmlns:a16="http://schemas.microsoft.com/office/drawing/2014/main" val="20003"/>
                    </a:ext>
                  </a:extLst>
                </a:gridCol>
                <a:gridCol w="1440160">
                  <a:extLst>
                    <a:ext uri="{9D8B030D-6E8A-4147-A177-3AD203B41FA5}">
                      <a16:colId xmlns:a16="http://schemas.microsoft.com/office/drawing/2014/main" val="20004"/>
                    </a:ext>
                  </a:extLst>
                </a:gridCol>
                <a:gridCol w="1656183">
                  <a:extLst>
                    <a:ext uri="{9D8B030D-6E8A-4147-A177-3AD203B41FA5}">
                      <a16:colId xmlns:a16="http://schemas.microsoft.com/office/drawing/2014/main" val="20005"/>
                    </a:ext>
                  </a:extLst>
                </a:gridCol>
              </a:tblGrid>
              <a:tr h="293888">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キ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750956">
                <a:tc>
                  <a:txBody>
                    <a:bodyPr/>
                    <a:lstStyle/>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名</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京都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大阪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宮城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bl>
          </a:graphicData>
        </a:graphic>
      </p:graphicFrame>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66110" y="-17038"/>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4"/>
          <p:cNvGraphicFramePr>
            <a:graphicFrameLocks noGrp="1"/>
          </p:cNvGraphicFramePr>
          <p:nvPr>
            <p:extLst>
              <p:ext uri="{D42A27DB-BD31-4B8C-83A1-F6EECF244321}">
                <p14:modId xmlns:p14="http://schemas.microsoft.com/office/powerpoint/2010/main" val="1322785964"/>
              </p:ext>
            </p:extLst>
          </p:nvPr>
        </p:nvGraphicFramePr>
        <p:xfrm>
          <a:off x="259266" y="4609281"/>
          <a:ext cx="8671877" cy="1485580"/>
        </p:xfrm>
        <a:graphic>
          <a:graphicData uri="http://schemas.openxmlformats.org/drawingml/2006/table">
            <a:tbl>
              <a:tblPr firstRow="1" bandRow="1">
                <a:tableStyleId>{5C22544A-7EE6-4342-B048-85BDC9FD1C3A}</a:tableStyleId>
              </a:tblPr>
              <a:tblGrid>
                <a:gridCol w="928357">
                  <a:extLst>
                    <a:ext uri="{9D8B030D-6E8A-4147-A177-3AD203B41FA5}">
                      <a16:colId xmlns:a16="http://schemas.microsoft.com/office/drawing/2014/main" val="20000"/>
                    </a:ext>
                  </a:extLst>
                </a:gridCol>
                <a:gridCol w="774352">
                  <a:extLst>
                    <a:ext uri="{9D8B030D-6E8A-4147-A177-3AD203B41FA5}">
                      <a16:colId xmlns:a16="http://schemas.microsoft.com/office/drawing/2014/main" val="20001"/>
                    </a:ext>
                  </a:extLst>
                </a:gridCol>
                <a:gridCol w="774352">
                  <a:extLst>
                    <a:ext uri="{9D8B030D-6E8A-4147-A177-3AD203B41FA5}">
                      <a16:colId xmlns:a16="http://schemas.microsoft.com/office/drawing/2014/main" val="20002"/>
                    </a:ext>
                  </a:extLst>
                </a:gridCol>
                <a:gridCol w="774352">
                  <a:extLst>
                    <a:ext uri="{9D8B030D-6E8A-4147-A177-3AD203B41FA5}">
                      <a16:colId xmlns:a16="http://schemas.microsoft.com/office/drawing/2014/main" val="20003"/>
                    </a:ext>
                  </a:extLst>
                </a:gridCol>
                <a:gridCol w="774352">
                  <a:extLst>
                    <a:ext uri="{9D8B030D-6E8A-4147-A177-3AD203B41FA5}">
                      <a16:colId xmlns:a16="http://schemas.microsoft.com/office/drawing/2014/main" val="20004"/>
                    </a:ext>
                  </a:extLst>
                </a:gridCol>
                <a:gridCol w="774352">
                  <a:extLst>
                    <a:ext uri="{9D8B030D-6E8A-4147-A177-3AD203B41FA5}">
                      <a16:colId xmlns:a16="http://schemas.microsoft.com/office/drawing/2014/main" val="20005"/>
                    </a:ext>
                  </a:extLst>
                </a:gridCol>
                <a:gridCol w="774352">
                  <a:extLst>
                    <a:ext uri="{9D8B030D-6E8A-4147-A177-3AD203B41FA5}">
                      <a16:colId xmlns:a16="http://schemas.microsoft.com/office/drawing/2014/main" val="20006"/>
                    </a:ext>
                  </a:extLst>
                </a:gridCol>
                <a:gridCol w="774352">
                  <a:extLst>
                    <a:ext uri="{9D8B030D-6E8A-4147-A177-3AD203B41FA5}">
                      <a16:colId xmlns:a16="http://schemas.microsoft.com/office/drawing/2014/main" val="20007"/>
                    </a:ext>
                  </a:extLst>
                </a:gridCol>
                <a:gridCol w="774352">
                  <a:extLst>
                    <a:ext uri="{9D8B030D-6E8A-4147-A177-3AD203B41FA5}">
                      <a16:colId xmlns:a16="http://schemas.microsoft.com/office/drawing/2014/main" val="20008"/>
                    </a:ext>
                  </a:extLst>
                </a:gridCol>
                <a:gridCol w="774352">
                  <a:extLst>
                    <a:ext uri="{9D8B030D-6E8A-4147-A177-3AD203B41FA5}">
                      <a16:colId xmlns:a16="http://schemas.microsoft.com/office/drawing/2014/main" val="2043754674"/>
                    </a:ext>
                  </a:extLst>
                </a:gridCol>
                <a:gridCol w="774352">
                  <a:extLst>
                    <a:ext uri="{9D8B030D-6E8A-4147-A177-3AD203B41FA5}">
                      <a16:colId xmlns:a16="http://schemas.microsoft.com/office/drawing/2014/main" val="2012136500"/>
                    </a:ext>
                  </a:extLst>
                </a:gridCol>
              </a:tblGrid>
              <a:tr h="403044">
                <a:tc>
                  <a:txBody>
                    <a:bodyPr/>
                    <a:lstStyle/>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09</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1)</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0</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2)</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1</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3)</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2</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4)</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3</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5)</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4</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6)</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5</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7)</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6</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8)</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9)</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8</a:t>
                      </a:r>
                    </a:p>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30)</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8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2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3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8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99</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6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3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53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割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6" name="テキスト ボックス 15"/>
          <p:cNvSpPr txBox="1"/>
          <p:nvPr/>
        </p:nvSpPr>
        <p:spPr>
          <a:xfrm>
            <a:off x="259266" y="3696047"/>
            <a:ext cx="8345182"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そのほか、大阪・関西の大学で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0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神戸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41-5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市立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1-7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府立大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1-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立命館大学、京都工芸繊維大学」が世界トッ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ランクイ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939336"/>
            <a:ext cx="8928992" cy="100023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トッ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における日本の大学５校のうち、関西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間の協定等に基づき大阪から海外へ留学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生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以上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5"/>
          <p:cNvSpPr txBox="1">
            <a:spLocks/>
          </p:cNvSpPr>
          <p:nvPr/>
        </p:nvSpPr>
        <p:spPr>
          <a:xfrm>
            <a:off x="7010400" y="6513223"/>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pPr>
                <a:defRPr/>
              </a:pPr>
              <a:t>54</a:t>
            </a:fld>
            <a:endParaRPr lang="ja-JP" altLang="en-US" b="1" dirty="0"/>
          </a:p>
        </p:txBody>
      </p:sp>
    </p:spTree>
    <p:extLst>
      <p:ext uri="{BB962C8B-B14F-4D97-AF65-F5344CB8AC3E}">
        <p14:creationId xmlns:p14="http://schemas.microsoft.com/office/powerpoint/2010/main" val="1434578905"/>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40" y="613572"/>
            <a:ext cx="8690577" cy="425758"/>
          </a:xfrm>
          <a:prstGeom prst="rect">
            <a:avLst/>
          </a:prstGeom>
        </p:spPr>
        <p:txBody>
          <a:bodyPr wrap="square">
            <a:spAutoFit/>
          </a:bodyPr>
          <a:lstStyle/>
          <a:p>
            <a:pPr marL="177800" indent="-177800">
              <a:lnSpc>
                <a:spcPts val="13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国際バカロレアの認定を受けた学校数（</a:t>
            </a:r>
            <a:r>
              <a:rPr lang="en-US" altLang="ja-JP" dirty="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現在）</a:t>
            </a:r>
            <a:r>
              <a:rPr lang="ja-JP" altLang="en-US" dirty="0" smtClean="0">
                <a:latin typeface="Meiryo UI" panose="020B0604030504040204" pitchFamily="50" charset="-128"/>
                <a:ea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endParaRPr>
          </a:p>
          <a:p>
            <a:pPr marL="177800" indent="-177800">
              <a:lnSpc>
                <a:spcPts val="1300"/>
              </a:lnSpc>
            </a:pPr>
            <a:r>
              <a:rPr lang="ja-JP" altLang="en-US" sz="1400" dirty="0">
                <a:latin typeface="HGPｺﾞｼｯｸE" pitchFamily="50" charset="-128"/>
                <a:ea typeface="HGPｺﾞｼｯｸE" pitchFamily="50" charset="-128"/>
                <a:cs typeface="Meiryo UI" panose="020B0604030504040204" pitchFamily="50" charset="-128"/>
              </a:rPr>
              <a:t>　</a:t>
            </a:r>
            <a:r>
              <a:rPr lang="ja-JP" altLang="en-US" sz="1400" dirty="0" smtClean="0">
                <a:latin typeface="HGPｺﾞｼｯｸE" pitchFamily="50" charset="-128"/>
                <a:ea typeface="HGPｺﾞｼｯｸE"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ホームペー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2"/>
          <p:cNvGraphicFramePr>
            <a:graphicFrameLocks noGrp="1"/>
          </p:cNvGraphicFramePr>
          <p:nvPr>
            <p:extLst>
              <p:ext uri="{D42A27DB-BD31-4B8C-83A1-F6EECF244321}">
                <p14:modId xmlns:p14="http://schemas.microsoft.com/office/powerpoint/2010/main" val="622886598"/>
              </p:ext>
            </p:extLst>
          </p:nvPr>
        </p:nvGraphicFramePr>
        <p:xfrm>
          <a:off x="977450" y="2032417"/>
          <a:ext cx="7189099" cy="4430907"/>
        </p:xfrm>
        <a:graphic>
          <a:graphicData uri="http://schemas.openxmlformats.org/drawingml/2006/table">
            <a:tbl>
              <a:tblPr firstRow="1" bandRow="1">
                <a:tableStyleId>{5940675A-B579-460E-94D1-54222C63F5DA}</a:tableStyleId>
              </a:tblPr>
              <a:tblGrid>
                <a:gridCol w="5676931">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53248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校数</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extLst>
                  <a:ext uri="{0D108BD9-81ED-4DB2-BD59-A6C34878D82A}">
                    <a16:rowId xmlns:a16="http://schemas.microsoft.com/office/drawing/2014/main" val="10000"/>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１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286851104"/>
                  </a:ext>
                </a:extLst>
              </a:tr>
              <a:tr h="41208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　（アブロード・インターナショナルスクール大阪、大阪</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YMCA</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関西学院大阪インターナショナルスクール、コリア国際学園、大阪女学院高等学校、大阪教育大学付属池田中学校、大阪市立水都国際中学校・高等学校）</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41208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兵庫、愛知</a:t>
                      </a: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５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3272704716"/>
                  </a:ext>
                </a:extLst>
              </a:tr>
              <a:tr h="297084">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山梨、京都、静岡</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４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17046">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宮城、茨城、長野、広島、福岡</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３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42740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岡山、沖縄</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２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385672066"/>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群馬、</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滋賀</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１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412086">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３</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15" name="正方形/長方形 14"/>
          <p:cNvSpPr/>
          <p:nvPr/>
        </p:nvSpPr>
        <p:spPr>
          <a:xfrm>
            <a:off x="83039" y="110648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な認定・認証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けた国際バカロレアの認定校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国と地域に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1"/>
          <p:cNvSpPr txBox="1">
            <a:spLocks/>
          </p:cNvSpPr>
          <p:nvPr/>
        </p:nvSpPr>
        <p:spPr>
          <a:xfrm>
            <a:off x="7010400" y="6492875"/>
            <a:ext cx="2133600" cy="365125"/>
          </a:xfrm>
          <a:prstGeom prst="rect">
            <a:avLst/>
          </a:prstGeom>
        </p:spPr>
        <p:txBody>
          <a:bodyPr anchor="b" anchorCtr="0"/>
          <a:lstStyle>
            <a:defPPr>
              <a:defRPr lang="ja-JP"/>
            </a:defPPr>
            <a:lvl1pPr marL="0" algn="r" defTabSz="914400" rtl="0" eaLnBrk="1" latinLnBrk="0" hangingPunct="1">
              <a:defRPr kumimoji="1" sz="1800" b="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b="1" smtClean="0"/>
              <a:pPr>
                <a:defRPr/>
              </a:pPr>
              <a:t>55</a:t>
            </a:fld>
            <a:endParaRPr lang="ja-JP" altLang="en-US" b="1" dirty="0"/>
          </a:p>
        </p:txBody>
      </p:sp>
    </p:spTree>
    <p:extLst>
      <p:ext uri="{BB962C8B-B14F-4D97-AF65-F5344CB8AC3E}">
        <p14:creationId xmlns:p14="http://schemas.microsoft.com/office/powerpoint/2010/main" val="2918853297"/>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高等教育機関受入留学生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3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戦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ベトナムからの留学生を中心に増加傾向にあるが、東京との開き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graphicFrame>
        <p:nvGraphicFramePr>
          <p:cNvPr id="15" name="表 14"/>
          <p:cNvGraphicFramePr>
            <a:graphicFrameLocks noGrp="1"/>
          </p:cNvGraphicFramePr>
          <p:nvPr>
            <p:extLst/>
          </p:nvPr>
        </p:nvGraphicFramePr>
        <p:xfrm>
          <a:off x="4057829" y="2454802"/>
          <a:ext cx="5000700" cy="4032442"/>
        </p:xfrm>
        <a:graphic>
          <a:graphicData uri="http://schemas.openxmlformats.org/drawingml/2006/table">
            <a:tbl>
              <a:tblPr firstRow="1" firstCol="1" bandRow="1"/>
              <a:tblGrid>
                <a:gridCol w="162560">
                  <a:extLst>
                    <a:ext uri="{9D8B030D-6E8A-4147-A177-3AD203B41FA5}">
                      <a16:colId xmlns:a16="http://schemas.microsoft.com/office/drawing/2014/main" val="20000"/>
                    </a:ext>
                  </a:extLst>
                </a:gridCol>
                <a:gridCol w="505194">
                  <a:extLst>
                    <a:ext uri="{9D8B030D-6E8A-4147-A177-3AD203B41FA5}">
                      <a16:colId xmlns:a16="http://schemas.microsoft.com/office/drawing/2014/main" val="20001"/>
                    </a:ext>
                  </a:extLst>
                </a:gridCol>
                <a:gridCol w="536227">
                  <a:extLst>
                    <a:ext uri="{9D8B030D-6E8A-4147-A177-3AD203B41FA5}">
                      <a16:colId xmlns:a16="http://schemas.microsoft.com/office/drawing/2014/main" val="20002"/>
                    </a:ext>
                  </a:extLst>
                </a:gridCol>
                <a:gridCol w="536227">
                  <a:extLst>
                    <a:ext uri="{9D8B030D-6E8A-4147-A177-3AD203B41FA5}">
                      <a16:colId xmlns:a16="http://schemas.microsoft.com/office/drawing/2014/main" val="20003"/>
                    </a:ext>
                  </a:extLst>
                </a:gridCol>
                <a:gridCol w="536227">
                  <a:extLst>
                    <a:ext uri="{9D8B030D-6E8A-4147-A177-3AD203B41FA5}">
                      <a16:colId xmlns:a16="http://schemas.microsoft.com/office/drawing/2014/main" val="20004"/>
                    </a:ext>
                  </a:extLst>
                </a:gridCol>
                <a:gridCol w="536227">
                  <a:extLst>
                    <a:ext uri="{9D8B030D-6E8A-4147-A177-3AD203B41FA5}">
                      <a16:colId xmlns:a16="http://schemas.microsoft.com/office/drawing/2014/main" val="20005"/>
                    </a:ext>
                  </a:extLst>
                </a:gridCol>
                <a:gridCol w="535931">
                  <a:extLst>
                    <a:ext uri="{9D8B030D-6E8A-4147-A177-3AD203B41FA5}">
                      <a16:colId xmlns:a16="http://schemas.microsoft.com/office/drawing/2014/main" val="20006"/>
                    </a:ext>
                  </a:extLst>
                </a:gridCol>
                <a:gridCol w="535931">
                  <a:extLst>
                    <a:ext uri="{9D8B030D-6E8A-4147-A177-3AD203B41FA5}">
                      <a16:colId xmlns:a16="http://schemas.microsoft.com/office/drawing/2014/main" val="20007"/>
                    </a:ext>
                  </a:extLst>
                </a:gridCol>
                <a:gridCol w="558088">
                  <a:extLst>
                    <a:ext uri="{9D8B030D-6E8A-4147-A177-3AD203B41FA5}">
                      <a16:colId xmlns:a16="http://schemas.microsoft.com/office/drawing/2014/main" val="20008"/>
                    </a:ext>
                  </a:extLst>
                </a:gridCol>
                <a:gridCol w="558088">
                  <a:extLst>
                    <a:ext uri="{9D8B030D-6E8A-4147-A177-3AD203B41FA5}">
                      <a16:colId xmlns:a16="http://schemas.microsoft.com/office/drawing/2014/main" val="1106900514"/>
                    </a:ext>
                  </a:extLst>
                </a:gridCol>
              </a:tblGrid>
              <a:tr h="247641">
                <a:tc gridSpan="8">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9528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47641">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8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9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7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247641">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6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6"/>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9"/>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0"/>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1"/>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2"/>
                  </a:ext>
                </a:extLst>
              </a:tr>
              <a:tr h="256414">
                <a:tc gridSpan="2">
                  <a:txBody>
                    <a:bodyPr/>
                    <a:lstStyle/>
                    <a:p>
                      <a:pPr algn="l">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3"/>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00</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extLst>
                  <a:ext uri="{0D108BD9-81ED-4DB2-BD59-A6C34878D82A}">
                    <a16:rowId xmlns:a16="http://schemas.microsoft.com/office/drawing/2014/main" val="10014"/>
                  </a:ext>
                </a:extLst>
              </a:tr>
            </a:tbl>
          </a:graphicData>
        </a:graphic>
      </p:graphicFrame>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Ⅳ</a:t>
            </a: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graphicFrame>
        <p:nvGraphicFramePr>
          <p:cNvPr id="13" name="グラフ 12"/>
          <p:cNvGraphicFramePr>
            <a:graphicFrameLocks/>
          </p:cNvGraphicFramePr>
          <p:nvPr>
            <p:extLst/>
          </p:nvPr>
        </p:nvGraphicFramePr>
        <p:xfrm>
          <a:off x="0" y="2856535"/>
          <a:ext cx="4838700" cy="381282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83047208"/>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08520" y="513833"/>
            <a:ext cx="8433329" cy="553998"/>
          </a:xfrm>
          <a:prstGeom prst="rect">
            <a:avLst/>
          </a:prstGeom>
          <a:noFill/>
        </p:spPr>
        <p:txBody>
          <a:bodyPr wrap="square" rtlCol="0">
            <a:spAutoFit/>
          </a:bodyPr>
          <a:lstStyle/>
          <a:p>
            <a:pPr lvl="0" indent="133350" eaLnBrk="0" fontAlgn="base" hangingPunct="0">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入国管理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30</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extLst>
              <p:ext uri="{D42A27DB-BD31-4B8C-83A1-F6EECF244321}">
                <p14:modId xmlns:p14="http://schemas.microsoft.com/office/powerpoint/2010/main" val="3403719168"/>
              </p:ext>
            </p:extLst>
          </p:nvPr>
        </p:nvGraphicFramePr>
        <p:xfrm>
          <a:off x="163460" y="2849168"/>
          <a:ext cx="8756320" cy="3626823"/>
        </p:xfrm>
        <a:graphic>
          <a:graphicData uri="http://schemas.openxmlformats.org/drawingml/2006/table">
            <a:tbl>
              <a:tblPr/>
              <a:tblGrid>
                <a:gridCol w="875632">
                  <a:extLst>
                    <a:ext uri="{9D8B030D-6E8A-4147-A177-3AD203B41FA5}">
                      <a16:colId xmlns:a16="http://schemas.microsoft.com/office/drawing/2014/main" val="20000"/>
                    </a:ext>
                  </a:extLst>
                </a:gridCol>
                <a:gridCol w="875632">
                  <a:extLst>
                    <a:ext uri="{9D8B030D-6E8A-4147-A177-3AD203B41FA5}">
                      <a16:colId xmlns:a16="http://schemas.microsoft.com/office/drawing/2014/main" val="20001"/>
                    </a:ext>
                  </a:extLst>
                </a:gridCol>
                <a:gridCol w="875632">
                  <a:extLst>
                    <a:ext uri="{9D8B030D-6E8A-4147-A177-3AD203B41FA5}">
                      <a16:colId xmlns:a16="http://schemas.microsoft.com/office/drawing/2014/main" val="20002"/>
                    </a:ext>
                  </a:extLst>
                </a:gridCol>
                <a:gridCol w="875632">
                  <a:extLst>
                    <a:ext uri="{9D8B030D-6E8A-4147-A177-3AD203B41FA5}">
                      <a16:colId xmlns:a16="http://schemas.microsoft.com/office/drawing/2014/main" val="20003"/>
                    </a:ext>
                  </a:extLst>
                </a:gridCol>
                <a:gridCol w="875632">
                  <a:extLst>
                    <a:ext uri="{9D8B030D-6E8A-4147-A177-3AD203B41FA5}">
                      <a16:colId xmlns:a16="http://schemas.microsoft.com/office/drawing/2014/main" val="20004"/>
                    </a:ext>
                  </a:extLst>
                </a:gridCol>
                <a:gridCol w="875632">
                  <a:extLst>
                    <a:ext uri="{9D8B030D-6E8A-4147-A177-3AD203B41FA5}">
                      <a16:colId xmlns:a16="http://schemas.microsoft.com/office/drawing/2014/main" val="20005"/>
                    </a:ext>
                  </a:extLst>
                </a:gridCol>
                <a:gridCol w="875632">
                  <a:extLst>
                    <a:ext uri="{9D8B030D-6E8A-4147-A177-3AD203B41FA5}">
                      <a16:colId xmlns:a16="http://schemas.microsoft.com/office/drawing/2014/main" val="20006"/>
                    </a:ext>
                  </a:extLst>
                </a:gridCol>
                <a:gridCol w="875632">
                  <a:extLst>
                    <a:ext uri="{9D8B030D-6E8A-4147-A177-3AD203B41FA5}">
                      <a16:colId xmlns:a16="http://schemas.microsoft.com/office/drawing/2014/main" val="20007"/>
                    </a:ext>
                  </a:extLst>
                </a:gridCol>
                <a:gridCol w="875632">
                  <a:extLst>
                    <a:ext uri="{9D8B030D-6E8A-4147-A177-3AD203B41FA5}">
                      <a16:colId xmlns:a16="http://schemas.microsoft.com/office/drawing/2014/main" val="3311832355"/>
                    </a:ext>
                  </a:extLst>
                </a:gridCol>
                <a:gridCol w="875632">
                  <a:extLst>
                    <a:ext uri="{9D8B030D-6E8A-4147-A177-3AD203B41FA5}">
                      <a16:colId xmlns:a16="http://schemas.microsoft.com/office/drawing/2014/main" val="3794266321"/>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0</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1</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3)</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2</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4)</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3</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5)</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smtClean="0">
                          <a:solidFill>
                            <a:schemeClr val="bg1"/>
                          </a:solidFill>
                          <a:effectLst/>
                          <a:latin typeface="Calibri"/>
                        </a:rPr>
                        <a:t>2014</a:t>
                      </a:r>
                      <a:r>
                        <a:rPr lang="en-US" sz="1600" b="1" i="0" u="none" strike="noStrike" dirty="0">
                          <a:solidFill>
                            <a:schemeClr val="bg1"/>
                          </a:solidFill>
                          <a:effectLst/>
                          <a:latin typeface="Calibri"/>
                        </a:rPr>
                        <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a:t>
                      </a:r>
                      <a:r>
                        <a:rPr lang="en-US" altLang="ja-JP" sz="1600" b="1" i="0" u="none" strike="noStrike" dirty="0" smtClean="0">
                          <a:solidFill>
                            <a:schemeClr val="bg1"/>
                          </a:solidFill>
                          <a:effectLst/>
                          <a:latin typeface="Calibri"/>
                        </a:rPr>
                        <a:t>6</a:t>
                      </a:r>
                      <a:r>
                        <a:rPr lang="en-US" sz="1600" b="1" i="0" u="none" strike="noStrike" dirty="0" smtClean="0">
                          <a:solidFill>
                            <a:schemeClr val="bg1"/>
                          </a:solidFill>
                          <a:effectLst/>
                          <a:latin typeface="Calibri"/>
                        </a:rPr>
                        <a:t>)</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5</a:t>
                      </a:r>
                    </a:p>
                    <a:p>
                      <a:pPr algn="ctr" rtl="0" fontAlgn="ctr"/>
                      <a:r>
                        <a:rPr lang="en-US" altLang="ja-JP" sz="1600" b="1" i="0" u="none" strike="noStrike" dirty="0" smtClean="0">
                          <a:solidFill>
                            <a:schemeClr val="bg1"/>
                          </a:solidFill>
                          <a:effectLst/>
                          <a:latin typeface="Calibri"/>
                        </a:rPr>
                        <a:t>(H27</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6</a:t>
                      </a:r>
                    </a:p>
                    <a:p>
                      <a:pPr algn="ctr" rtl="0" fontAlgn="ctr"/>
                      <a:r>
                        <a:rPr lang="en-US" altLang="ja-JP" sz="1600" b="1" i="0" u="none" strike="noStrike" dirty="0" smtClean="0">
                          <a:solidFill>
                            <a:schemeClr val="bg1"/>
                          </a:solidFill>
                          <a:effectLst/>
                          <a:latin typeface="Calibri"/>
                        </a:rPr>
                        <a:t>(H28)</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7</a:t>
                      </a:r>
                    </a:p>
                    <a:p>
                      <a:pPr algn="ctr" rtl="0" fontAlgn="ctr"/>
                      <a:r>
                        <a:rPr lang="en-US" altLang="ja-JP" sz="1600" b="1" i="0" u="none" strike="noStrike" dirty="0" smtClean="0">
                          <a:solidFill>
                            <a:schemeClr val="bg1"/>
                          </a:solidFill>
                          <a:effectLst/>
                          <a:latin typeface="Calibri"/>
                        </a:rPr>
                        <a:t>(H29)</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8</a:t>
                      </a:r>
                    </a:p>
                    <a:p>
                      <a:pPr algn="ctr" rtl="0" fontAlgn="ctr"/>
                      <a:r>
                        <a:rPr lang="en-US" altLang="ja-JP" sz="1600" b="1" i="0" u="none" strike="noStrike" dirty="0" smtClean="0">
                          <a:solidFill>
                            <a:schemeClr val="bg1"/>
                          </a:solidFill>
                          <a:effectLst/>
                          <a:latin typeface="Calibri"/>
                        </a:rPr>
                        <a:t>(H30)</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smtClean="0">
                          <a:solidFill>
                            <a:schemeClr val="bg1"/>
                          </a:solidFill>
                          <a:effectLst/>
                          <a:latin typeface="ＭＳ Ｐゴシック"/>
                        </a:rPr>
                        <a:t>大阪</a:t>
                      </a:r>
                      <a:endParaRPr lang="en-US" altLang="ja-JP" sz="1400" b="1" i="0" u="none" strike="noStrike" dirty="0" smtClean="0">
                        <a:solidFill>
                          <a:schemeClr val="bg1"/>
                        </a:solidFill>
                        <a:effectLst/>
                        <a:latin typeface="ＭＳ Ｐゴシック"/>
                      </a:endParaRPr>
                    </a:p>
                    <a:p>
                      <a:pPr algn="ctr" fontAlgn="ctr"/>
                      <a:r>
                        <a:rPr lang="ja-JP" altLang="en-US" sz="1400" b="1" i="0" u="none" strike="noStrike" dirty="0" smtClean="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97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8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5,942</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府に所在する企業等に就職した外国人留学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6</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戦略策定以降、一貫して増加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7</a:t>
            </a:fld>
            <a:endParaRPr lang="ja-JP" altLang="en-US" b="1" dirty="0"/>
          </a:p>
        </p:txBody>
      </p:sp>
    </p:spTree>
    <p:extLst>
      <p:ext uri="{BB962C8B-B14F-4D97-AF65-F5344CB8AC3E}">
        <p14:creationId xmlns:p14="http://schemas.microsoft.com/office/powerpoint/2010/main" val="137425449"/>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2" name="グラフ 21"/>
          <p:cNvGraphicFramePr>
            <a:graphicFrameLocks/>
          </p:cNvGraphicFramePr>
          <p:nvPr>
            <p:extLst/>
          </p:nvPr>
        </p:nvGraphicFramePr>
        <p:xfrm>
          <a:off x="125306" y="3521162"/>
          <a:ext cx="3331078" cy="2966081"/>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107504" y="430722"/>
            <a:ext cx="8631164"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41789"/>
            <a:ext cx="8928992" cy="21079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800"/>
              </a:lnSpc>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い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持つ者は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続く。</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埼玉に次いで多く、近年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23719"/>
            <a:ext cx="5475279" cy="46166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入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及び難民認定法における「専門的・技術的分野の在留資格」には</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教授」、「芸術」、「宗教」、「報道」</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法律・会計業務」、「医療」、「研究」、「教育」、「技術・人文知識・国際業務」</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834127"/>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58</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より在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格「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経営・管理」に名称変更された。</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までは外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外資系）の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活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対象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限られ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いた</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日系企業</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も対象</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nvPr>
        </p:nvGraphicFramePr>
        <p:xfrm>
          <a:off x="3563888" y="3583039"/>
          <a:ext cx="2089291" cy="2474498"/>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smtClean="0">
                          <a:latin typeface="Meiryo UI" panose="020B0604030504040204" pitchFamily="50" charset="-128"/>
                          <a:ea typeface="Meiryo UI" panose="020B0604030504040204" pitchFamily="50" charset="-128"/>
                        </a:rPr>
                        <a:t>時点</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rPr>
                        <a:t>人数</a:t>
                      </a: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931899091"/>
                  </a:ext>
                </a:extLst>
              </a:tr>
              <a:tr h="15127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1</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8,70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69188312"/>
                  </a:ext>
                </a:extLst>
              </a:tr>
              <a:tr h="123456">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2</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04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283810397"/>
                  </a:ext>
                </a:extLst>
              </a:tr>
              <a:tr h="167648">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33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05016959"/>
                  </a:ext>
                </a:extLst>
              </a:tr>
              <a:tr h="13983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4</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9,75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335094927"/>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5</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0,052</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08837676"/>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6</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2,35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75531902"/>
                  </a:ext>
                </a:extLst>
              </a:tr>
              <a:tr h="128392">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7</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15,258</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568075657"/>
                  </a:ext>
                </a:extLst>
              </a:tr>
              <a:tr h="0">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8</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73</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905132028"/>
                  </a:ext>
                </a:extLst>
              </a:tr>
              <a:tr h="144768">
                <a:tc>
                  <a:txBody>
                    <a:bodyPr/>
                    <a:lstStyle/>
                    <a:p>
                      <a:pPr algn="ct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019</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lnSpc>
                          <a:spcPts val="1200"/>
                        </a:lnSpc>
                      </a:pPr>
                      <a:r>
                        <a:rPr kumimoji="1" lang="en-US" altLang="ja-JP" sz="1100" dirty="0" smtClean="0">
                          <a:solidFill>
                            <a:schemeClr val="tx1"/>
                          </a:solidFill>
                          <a:latin typeface="Meiryo UI" panose="020B0604030504040204" pitchFamily="50" charset="-128"/>
                          <a:ea typeface="Meiryo UI" panose="020B0604030504040204" pitchFamily="50" charset="-128"/>
                        </a:rPr>
                        <a:t>25,81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643432495"/>
                  </a:ext>
                </a:extLst>
              </a:tr>
            </a:tbl>
          </a:graphicData>
        </a:graphic>
      </p:graphicFrame>
      <p:sp>
        <p:nvSpPr>
          <p:cNvPr id="23" name="四角形吹き出し 22"/>
          <p:cNvSpPr/>
          <p:nvPr/>
        </p:nvSpPr>
        <p:spPr>
          <a:xfrm>
            <a:off x="1611327" y="3573854"/>
            <a:ext cx="1270167" cy="432048"/>
          </a:xfrm>
          <a:prstGeom prst="wedgeRectCallout">
            <a:avLst>
              <a:gd name="adj1" fmla="val -59842"/>
              <a:gd name="adj2" fmla="val 94626"/>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nvPr>
        </p:nvGraphicFramePr>
        <p:xfrm>
          <a:off x="5747800" y="3454401"/>
          <a:ext cx="3288696" cy="281882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28183645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288843" y="5716092"/>
            <a:ext cx="8634701" cy="646331"/>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県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計算標準方式（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基準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準拠した実質経済成長率を記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より作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平均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の幾何平均（相乗平均）により算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8843" y="1140736"/>
            <a:ext cx="8537741" cy="144016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は、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増加。</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均の実質成長率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経済は、雇用環境が改善基調で推移し、インバウンド需要の増加もあり、景気は緩やかな回復が持続している。</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成長目標：年平均２％以上］</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912488"/>
            <a:ext cx="8928992" cy="179643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368320781"/>
              </p:ext>
            </p:extLst>
          </p:nvPr>
        </p:nvGraphicFramePr>
        <p:xfrm>
          <a:off x="173400" y="2996952"/>
          <a:ext cx="8863100" cy="2522987"/>
        </p:xfrm>
        <a:graphic>
          <a:graphicData uri="http://schemas.openxmlformats.org/drawingml/2006/table">
            <a:tbl>
              <a:tblPr firstRow="1" firstCol="1" bandRow="1"/>
              <a:tblGrid>
                <a:gridCol w="1224199">
                  <a:extLst>
                    <a:ext uri="{9D8B030D-6E8A-4147-A177-3AD203B41FA5}">
                      <a16:colId xmlns:a16="http://schemas.microsoft.com/office/drawing/2014/main" val="20000"/>
                    </a:ext>
                  </a:extLst>
                </a:gridCol>
                <a:gridCol w="877053">
                  <a:extLst>
                    <a:ext uri="{9D8B030D-6E8A-4147-A177-3AD203B41FA5}">
                      <a16:colId xmlns:a16="http://schemas.microsoft.com/office/drawing/2014/main" val="20001"/>
                    </a:ext>
                  </a:extLst>
                </a:gridCol>
                <a:gridCol w="882088">
                  <a:extLst>
                    <a:ext uri="{9D8B030D-6E8A-4147-A177-3AD203B41FA5}">
                      <a16:colId xmlns:a16="http://schemas.microsoft.com/office/drawing/2014/main" val="20002"/>
                    </a:ext>
                  </a:extLst>
                </a:gridCol>
                <a:gridCol w="843921">
                  <a:extLst>
                    <a:ext uri="{9D8B030D-6E8A-4147-A177-3AD203B41FA5}">
                      <a16:colId xmlns:a16="http://schemas.microsoft.com/office/drawing/2014/main" val="20003"/>
                    </a:ext>
                  </a:extLst>
                </a:gridCol>
                <a:gridCol w="843921">
                  <a:extLst>
                    <a:ext uri="{9D8B030D-6E8A-4147-A177-3AD203B41FA5}">
                      <a16:colId xmlns:a16="http://schemas.microsoft.com/office/drawing/2014/main" val="20004"/>
                    </a:ext>
                  </a:extLst>
                </a:gridCol>
                <a:gridCol w="843921">
                  <a:extLst>
                    <a:ext uri="{9D8B030D-6E8A-4147-A177-3AD203B41FA5}">
                      <a16:colId xmlns:a16="http://schemas.microsoft.com/office/drawing/2014/main" val="20005"/>
                    </a:ext>
                  </a:extLst>
                </a:gridCol>
                <a:gridCol w="843921">
                  <a:extLst>
                    <a:ext uri="{9D8B030D-6E8A-4147-A177-3AD203B41FA5}">
                      <a16:colId xmlns:a16="http://schemas.microsoft.com/office/drawing/2014/main" val="20006"/>
                    </a:ext>
                  </a:extLst>
                </a:gridCol>
                <a:gridCol w="834692">
                  <a:extLst>
                    <a:ext uri="{9D8B030D-6E8A-4147-A177-3AD203B41FA5}">
                      <a16:colId xmlns:a16="http://schemas.microsoft.com/office/drawing/2014/main" val="20007"/>
                    </a:ext>
                  </a:extLst>
                </a:gridCol>
                <a:gridCol w="834692">
                  <a:extLst>
                    <a:ext uri="{9D8B030D-6E8A-4147-A177-3AD203B41FA5}">
                      <a16:colId xmlns:a16="http://schemas.microsoft.com/office/drawing/2014/main" val="4256810457"/>
                    </a:ext>
                  </a:extLst>
                </a:gridCol>
                <a:gridCol w="834692">
                  <a:extLst>
                    <a:ext uri="{9D8B030D-6E8A-4147-A177-3AD203B41FA5}">
                      <a16:colId xmlns:a16="http://schemas.microsoft.com/office/drawing/2014/main" val="20008"/>
                    </a:ext>
                  </a:extLst>
                </a:gridCol>
              </a:tblGrid>
              <a:tr h="660494">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p>
                      <a:pPr algn="ctr">
                        <a:spcAft>
                          <a:spcPts val="0"/>
                        </a:spcAft>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平均</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extLst>
                  <a:ext uri="{0D108BD9-81ED-4DB2-BD59-A6C34878D82A}">
                    <a16:rowId xmlns:a16="http://schemas.microsoft.com/office/drawing/2014/main" val="10000"/>
                  </a:ext>
                </a:extLst>
              </a:tr>
              <a:tr h="875728">
                <a:tc>
                  <a:txBody>
                    <a:bodyPr/>
                    <a:lstStyle/>
                    <a:p>
                      <a:pPr algn="l">
                        <a:spcAft>
                          <a:spcPts val="0"/>
                        </a:spcAft>
                      </a:pP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endParaRPr lang="en-US" altLang="ja-JP" sz="13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3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3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6%</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0</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86765">
                <a:tc>
                  <a:txBody>
                    <a:bodyPr/>
                    <a:lstStyle/>
                    <a:p>
                      <a:pPr algn="l">
                        <a:spcAft>
                          <a:spcPts val="0"/>
                        </a:spcAft>
                      </a:pP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5</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032975691"/>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グラフ 15"/>
          <p:cNvGraphicFramePr>
            <a:graphicFrameLocks/>
          </p:cNvGraphicFramePr>
          <p:nvPr>
            <p:extLst/>
          </p:nvPr>
        </p:nvGraphicFramePr>
        <p:xfrm>
          <a:off x="4283968" y="2756438"/>
          <a:ext cx="4728062" cy="3969920"/>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4427983" y="2276872"/>
            <a:ext cx="4584047" cy="677108"/>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退学率</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文部科学省「児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徒の問題行動・不登校等生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導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諸課題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3"/>
          <p:cNvGraphicFramePr>
            <a:graphicFrameLocks noGrp="1"/>
          </p:cNvGraphicFramePr>
          <p:nvPr>
            <p:extLst>
              <p:ext uri="{D42A27DB-BD31-4B8C-83A1-F6EECF244321}">
                <p14:modId xmlns:p14="http://schemas.microsoft.com/office/powerpoint/2010/main" val="3550996546"/>
              </p:ext>
            </p:extLst>
          </p:nvPr>
        </p:nvGraphicFramePr>
        <p:xfrm>
          <a:off x="251520" y="2962574"/>
          <a:ext cx="3835659" cy="3562768"/>
        </p:xfrm>
        <a:graphic>
          <a:graphicData uri="http://schemas.openxmlformats.org/drawingml/2006/table">
            <a:tbl>
              <a:tblPr/>
              <a:tblGrid>
                <a:gridCol w="576064">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224136">
                  <a:extLst>
                    <a:ext uri="{9D8B030D-6E8A-4147-A177-3AD203B41FA5}">
                      <a16:colId xmlns:a16="http://schemas.microsoft.com/office/drawing/2014/main" val="20002"/>
                    </a:ext>
                  </a:extLst>
                </a:gridCol>
                <a:gridCol w="1027347">
                  <a:extLst>
                    <a:ext uri="{9D8B030D-6E8A-4147-A177-3AD203B41FA5}">
                      <a16:colId xmlns:a16="http://schemas.microsoft.com/office/drawing/2014/main" val="20003"/>
                    </a:ext>
                  </a:extLst>
                </a:gridCol>
              </a:tblGrid>
              <a:tr h="323888">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進学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進学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extLst>
                  <a:ext uri="{0D108BD9-81ED-4DB2-BD59-A6C34878D82A}">
                    <a16:rowId xmlns:a16="http://schemas.microsoft.com/office/drawing/2014/main" val="10000"/>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5,3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23888">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6,2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5.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兵庫</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27,9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神奈川</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0,4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広島</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4,09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5"/>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4,0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6"/>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奈良</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80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7"/>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愛知</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37,3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埼玉</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32,73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323888">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福井</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0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6.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bl>
          </a:graphicData>
        </a:graphic>
      </p:graphicFrame>
      <p:sp>
        <p:nvSpPr>
          <p:cNvPr id="13" name="テキスト ボックス 12"/>
          <p:cNvSpPr txBox="1"/>
          <p:nvPr/>
        </p:nvSpPr>
        <p:spPr>
          <a:xfrm>
            <a:off x="0" y="2330430"/>
            <a:ext cx="4661285"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卒業）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文部科学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元年度学校基本調査」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73448" y="2787598"/>
            <a:ext cx="423333" cy="2010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5713" y="598131"/>
            <a:ext cx="6820544"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内高校生</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全日制・定時制</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大学進学率及び中途退学率</a:t>
            </a:r>
            <a:endParaRPr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1052736"/>
            <a:ext cx="8928992" cy="118943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府内高校卒業者における大学等への進学者数は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進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府内高校における中途退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改善傾向にあるものの、全国水準（</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高い状態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spTree>
    <p:extLst>
      <p:ext uri="{BB962C8B-B14F-4D97-AF65-F5344CB8AC3E}">
        <p14:creationId xmlns:p14="http://schemas.microsoft.com/office/powerpoint/2010/main" val="2475405773"/>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99965" y="616507"/>
            <a:ext cx="7997815" cy="553998"/>
          </a:xfrm>
          <a:prstGeom prst="rect">
            <a:avLst/>
          </a:prstGeom>
          <a:noFill/>
        </p:spPr>
        <p:txBody>
          <a:bodyPr wrap="square" rtlCol="0">
            <a:sp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dirty="0">
                <a:latin typeface="Meiryo UI" panose="020B0604030504040204" pitchFamily="50" charset="-128"/>
                <a:ea typeface="Meiryo UI" panose="020B0604030504040204" pitchFamily="50" charset="-128"/>
                <a:cs typeface="Meiryo UI" panose="020B0604030504040204" pitchFamily="50" charset="-128"/>
              </a:rPr>
              <a:t>新規</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高校</a:t>
            </a:r>
            <a:r>
              <a:rPr lang="zh-TW" altLang="en-US" dirty="0">
                <a:latin typeface="Meiryo UI" panose="020B0604030504040204" pitchFamily="50" charset="-128"/>
                <a:ea typeface="Meiryo UI" panose="020B0604030504040204" pitchFamily="50" charset="-128"/>
                <a:cs typeface="Meiryo UI" panose="020B0604030504040204" pitchFamily="50" charset="-128"/>
              </a:rPr>
              <a:t>卒業（予定）者就職（内定）</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状況</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者の就職率は改善傾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あるが、全国平均とは開きがある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0</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898456320"/>
              </p:ext>
            </p:extLst>
          </p:nvPr>
        </p:nvGraphicFramePr>
        <p:xfrm>
          <a:off x="11323" y="2051254"/>
          <a:ext cx="8820472" cy="46976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75325505"/>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19" y="405502"/>
            <a:ext cx="8568952" cy="369332"/>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高校（全日制・定時制）・大学卒業後</a:t>
            </a:r>
            <a:r>
              <a:rPr lang="ja-JP" altLang="en-US" dirty="0">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0" y="4178576"/>
            <a:ext cx="7269939"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の推移（大阪府）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校基本調査」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2"/>
          <p:cNvGraphicFramePr>
            <a:graphicFrameLocks noGrp="1"/>
          </p:cNvGraphicFramePr>
          <p:nvPr>
            <p:extLst/>
          </p:nvPr>
        </p:nvGraphicFramePr>
        <p:xfrm>
          <a:off x="111600" y="4424064"/>
          <a:ext cx="3978443" cy="2409124"/>
        </p:xfrm>
        <a:graphic>
          <a:graphicData uri="http://schemas.openxmlformats.org/drawingml/2006/table">
            <a:tbl>
              <a:tblPr firstRow="1" bandRow="1">
                <a:tableStyleId>{5C22544A-7EE6-4342-B048-85BDC9FD1C3A}</a:tableStyleId>
              </a:tblPr>
              <a:tblGrid>
                <a:gridCol w="576064">
                  <a:extLst>
                    <a:ext uri="{9D8B030D-6E8A-4147-A177-3AD203B41FA5}">
                      <a16:colId xmlns:a16="http://schemas.microsoft.com/office/drawing/2014/main" val="20000"/>
                    </a:ext>
                  </a:extLst>
                </a:gridCol>
                <a:gridCol w="942068">
                  <a:extLst>
                    <a:ext uri="{9D8B030D-6E8A-4147-A177-3AD203B41FA5}">
                      <a16:colId xmlns:a16="http://schemas.microsoft.com/office/drawing/2014/main" val="20001"/>
                    </a:ext>
                  </a:extLst>
                </a:gridCol>
                <a:gridCol w="675584">
                  <a:extLst>
                    <a:ext uri="{9D8B030D-6E8A-4147-A177-3AD203B41FA5}">
                      <a16:colId xmlns:a16="http://schemas.microsoft.com/office/drawing/2014/main" val="20002"/>
                    </a:ext>
                  </a:extLst>
                </a:gridCol>
                <a:gridCol w="1046644">
                  <a:extLst>
                    <a:ext uri="{9D8B030D-6E8A-4147-A177-3AD203B41FA5}">
                      <a16:colId xmlns:a16="http://schemas.microsoft.com/office/drawing/2014/main" val="20003"/>
                    </a:ext>
                  </a:extLst>
                </a:gridCol>
                <a:gridCol w="738083">
                  <a:extLst>
                    <a:ext uri="{9D8B030D-6E8A-4147-A177-3AD203B41FA5}">
                      <a16:colId xmlns:a16="http://schemas.microsoft.com/office/drawing/2014/main" val="20004"/>
                    </a:ext>
                  </a:extLst>
                </a:gridCol>
              </a:tblGrid>
              <a:tr h="287168">
                <a:tc>
                  <a:txBody>
                    <a:bodyPr/>
                    <a:lstStyle/>
                    <a:p>
                      <a:pPr algn="ct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gridSpan="2">
                  <a:txBody>
                    <a:bodyPr/>
                    <a:lstStyle/>
                    <a:p>
                      <a:pPr algn="ctr" fontAlgn="ctr"/>
                      <a:r>
                        <a:rPr lang="ja-JP" altLang="en-US" sz="1000" b="1" i="0"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高校卒業後</a:t>
                      </a:r>
                      <a:endParaRPr lang="ja-JP" altLang="en-US"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gridSpan="2">
                  <a:txBody>
                    <a:bodyPr/>
                    <a:lstStyle/>
                    <a:p>
                      <a:pPr algn="ctr"/>
                      <a:r>
                        <a:rPr kumimoji="1"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卒業後</a:t>
                      </a: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extLst>
                  <a:ext uri="{0D108BD9-81ED-4DB2-BD59-A6C34878D82A}">
                    <a16:rowId xmlns:a16="http://schemas.microsoft.com/office/drawing/2014/main" val="10000"/>
                  </a:ext>
                </a:extLst>
              </a:tr>
              <a:tr h="374964">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8</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795689273"/>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0</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668316823"/>
                  </a:ext>
                </a:extLst>
              </a:tr>
            </a:tbl>
          </a:graphicData>
        </a:graphic>
      </p:graphicFrame>
      <p:sp>
        <p:nvSpPr>
          <p:cNvPr id="20" name="正方形/長方形 19"/>
          <p:cNvSpPr/>
          <p:nvPr/>
        </p:nvSpPr>
        <p:spPr>
          <a:xfrm>
            <a:off x="31304" y="744056"/>
            <a:ext cx="8928992" cy="10733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府内高校卒業者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就職者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府内大学卒業者におけ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正規の職員等」に就業す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除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高校卒業後に一時的な仕事（アルバイト等）に就いた者は減少傾向にあるが、府内大学卒業後に一時的な仕事（アルバイト等）に就いた者は、増加。</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8365" y="1812653"/>
            <a:ext cx="4284476"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高校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元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4287305" y="1813490"/>
            <a:ext cx="4746226" cy="477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大学卒業後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状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令和元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1</a:t>
            </a:fld>
            <a:endParaRPr lang="ja-JP" altLang="en-US" b="1" dirty="0"/>
          </a:p>
        </p:txBody>
      </p:sp>
      <p:graphicFrame>
        <p:nvGraphicFramePr>
          <p:cNvPr id="14" name="グラフ 13"/>
          <p:cNvGraphicFramePr>
            <a:graphicFrameLocks/>
          </p:cNvGraphicFramePr>
          <p:nvPr>
            <p:extLst>
              <p:ext uri="{D42A27DB-BD31-4B8C-83A1-F6EECF244321}">
                <p14:modId xmlns:p14="http://schemas.microsoft.com/office/powerpoint/2010/main" val="2869026625"/>
              </p:ext>
            </p:extLst>
          </p:nvPr>
        </p:nvGraphicFramePr>
        <p:xfrm>
          <a:off x="4282879" y="2207721"/>
          <a:ext cx="4572000" cy="206906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7" name="グラフ 16"/>
          <p:cNvGraphicFramePr>
            <a:graphicFrameLocks/>
          </p:cNvGraphicFramePr>
          <p:nvPr>
            <p:extLst>
              <p:ext uri="{D42A27DB-BD31-4B8C-83A1-F6EECF244321}">
                <p14:modId xmlns:p14="http://schemas.microsoft.com/office/powerpoint/2010/main" val="372493113"/>
              </p:ext>
            </p:extLst>
          </p:nvPr>
        </p:nvGraphicFramePr>
        <p:xfrm>
          <a:off x="111600" y="2278850"/>
          <a:ext cx="4171279" cy="2047576"/>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8" name="グラフ 17"/>
          <p:cNvGraphicFramePr>
            <a:graphicFrameLocks/>
          </p:cNvGraphicFramePr>
          <p:nvPr>
            <p:extLst/>
          </p:nvPr>
        </p:nvGraphicFramePr>
        <p:xfrm>
          <a:off x="4090043" y="4486353"/>
          <a:ext cx="5030162" cy="2346835"/>
        </p:xfrm>
        <a:graphic>
          <a:graphicData uri="http://schemas.openxmlformats.org/drawingml/2006/chart">
            <c:chart xmlns:c="http://schemas.openxmlformats.org/drawingml/2006/chart" xmlns:r="http://schemas.openxmlformats.org/officeDocument/2006/relationships" r:id="rId5"/>
          </a:graphicData>
        </a:graphic>
      </p:graphicFrame>
      <p:sp>
        <p:nvSpPr>
          <p:cNvPr id="19" name="テキスト ボックス 18"/>
          <p:cNvSpPr txBox="1"/>
          <p:nvPr/>
        </p:nvSpPr>
        <p:spPr>
          <a:xfrm>
            <a:off x="4080679" y="4389959"/>
            <a:ext cx="622998" cy="22200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39905298"/>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03094"/>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より作成</a:t>
            </a:r>
          </a:p>
        </p:txBody>
      </p:sp>
      <p:sp>
        <p:nvSpPr>
          <p:cNvPr id="2" name="正方形/長方形 1"/>
          <p:cNvSpPr/>
          <p:nvPr/>
        </p:nvSpPr>
        <p:spPr>
          <a:xfrm>
            <a:off x="2286000" y="5517232"/>
            <a:ext cx="4572000" cy="369332"/>
          </a:xfrm>
          <a:prstGeom prst="rect">
            <a:avLst/>
          </a:prstGeom>
        </p:spPr>
        <p:txBody>
          <a:bodyPr>
            <a:spAutoFit/>
          </a:bodyPr>
          <a:lstStyle/>
          <a:p>
            <a:endParaRPr lang="ja-JP" altLang="en-US"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2</a:t>
            </a:fld>
            <a:endParaRPr lang="ja-JP" altLang="en-US" b="1" dirty="0"/>
          </a:p>
        </p:txBody>
      </p:sp>
      <p:sp>
        <p:nvSpPr>
          <p:cNvPr id="18" name="正方形/長方形 17"/>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東京都、神奈川県、埼玉県、千葉県）では全ての年齢層で転出超過となっている。特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の東京圏への転出者が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0"/>
          <p:cNvSpPr>
            <a:spLocks noChangeArrowheads="1"/>
          </p:cNvSpPr>
          <p:nvPr/>
        </p:nvSpPr>
        <p:spPr bwMode="auto">
          <a:xfrm>
            <a:off x="89756" y="2117856"/>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男女計）</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nvPr>
        </p:nvGraphicFramePr>
        <p:xfrm>
          <a:off x="251520" y="2137971"/>
          <a:ext cx="8424932" cy="4624400"/>
        </p:xfrm>
        <a:graphic>
          <a:graphicData uri="http://schemas.openxmlformats.org/drawingml/2006/table">
            <a:tbl>
              <a:tblPr>
                <a:tableStyleId>{5C22544A-7EE6-4342-B048-85BDC9FD1C3A}</a:tableStyleId>
              </a:tblPr>
              <a:tblGrid>
                <a:gridCol w="1003774">
                  <a:extLst>
                    <a:ext uri="{9D8B030D-6E8A-4147-A177-3AD203B41FA5}">
                      <a16:colId xmlns:a16="http://schemas.microsoft.com/office/drawing/2014/main" val="1102618339"/>
                    </a:ext>
                  </a:extLst>
                </a:gridCol>
                <a:gridCol w="834598">
                  <a:extLst>
                    <a:ext uri="{9D8B030D-6E8A-4147-A177-3AD203B41FA5}">
                      <a16:colId xmlns:a16="http://schemas.microsoft.com/office/drawing/2014/main" val="3186623276"/>
                    </a:ext>
                  </a:extLst>
                </a:gridCol>
                <a:gridCol w="823320">
                  <a:extLst>
                    <a:ext uri="{9D8B030D-6E8A-4147-A177-3AD203B41FA5}">
                      <a16:colId xmlns:a16="http://schemas.microsoft.com/office/drawing/2014/main" val="3132908294"/>
                    </a:ext>
                  </a:extLst>
                </a:gridCol>
                <a:gridCol w="823320">
                  <a:extLst>
                    <a:ext uri="{9D8B030D-6E8A-4147-A177-3AD203B41FA5}">
                      <a16:colId xmlns:a16="http://schemas.microsoft.com/office/drawing/2014/main" val="2402216771"/>
                    </a:ext>
                  </a:extLst>
                </a:gridCol>
                <a:gridCol w="823320">
                  <a:extLst>
                    <a:ext uri="{9D8B030D-6E8A-4147-A177-3AD203B41FA5}">
                      <a16:colId xmlns:a16="http://schemas.microsoft.com/office/drawing/2014/main" val="1566893601"/>
                    </a:ext>
                  </a:extLst>
                </a:gridCol>
                <a:gridCol w="823320">
                  <a:extLst>
                    <a:ext uri="{9D8B030D-6E8A-4147-A177-3AD203B41FA5}">
                      <a16:colId xmlns:a16="http://schemas.microsoft.com/office/drawing/2014/main" val="3941263074"/>
                    </a:ext>
                  </a:extLst>
                </a:gridCol>
                <a:gridCol w="823320">
                  <a:extLst>
                    <a:ext uri="{9D8B030D-6E8A-4147-A177-3AD203B41FA5}">
                      <a16:colId xmlns:a16="http://schemas.microsoft.com/office/drawing/2014/main" val="218062407"/>
                    </a:ext>
                  </a:extLst>
                </a:gridCol>
                <a:gridCol w="823320">
                  <a:extLst>
                    <a:ext uri="{9D8B030D-6E8A-4147-A177-3AD203B41FA5}">
                      <a16:colId xmlns:a16="http://schemas.microsoft.com/office/drawing/2014/main" val="2538581216"/>
                    </a:ext>
                  </a:extLst>
                </a:gridCol>
                <a:gridCol w="823320">
                  <a:extLst>
                    <a:ext uri="{9D8B030D-6E8A-4147-A177-3AD203B41FA5}">
                      <a16:colId xmlns:a16="http://schemas.microsoft.com/office/drawing/2014/main" val="2875677931"/>
                    </a:ext>
                  </a:extLst>
                </a:gridCol>
                <a:gridCol w="823320">
                  <a:extLst>
                    <a:ext uri="{9D8B030D-6E8A-4147-A177-3AD203B41FA5}">
                      <a16:colId xmlns:a16="http://schemas.microsoft.com/office/drawing/2014/main" val="122060306"/>
                    </a:ext>
                  </a:extLst>
                </a:gridCol>
              </a:tblGrid>
              <a:tr h="184976">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B w="12700" cap="flat" cmpd="sng" algn="ctr">
                      <a:solidFill>
                        <a:schemeClr val="tx1"/>
                      </a:solidFill>
                      <a:prstDash val="solid"/>
                      <a:round/>
                      <a:headEnd type="none" w="med" len="med"/>
                      <a:tailEnd type="none" w="med" len="med"/>
                    </a:lnB>
                    <a:noFill/>
                  </a:tcPr>
                </a:tc>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1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1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2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2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3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3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4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4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5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5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60</a:t>
                      </a:r>
                      <a:r>
                        <a:rPr lang="ja-JP" altLang="en-US" sz="1050" u="none" strike="noStrike" dirty="0">
                          <a:effectLst/>
                          <a:latin typeface="Meiryo UI" panose="020B0604030504040204" pitchFamily="50" charset="-128"/>
                          <a:ea typeface="Meiryo UI" panose="020B0604030504040204" pitchFamily="50" charset="-128"/>
                        </a:rPr>
                        <a:t>歳以上</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67540381"/>
                  </a:ext>
                </a:extLst>
              </a:tr>
              <a:tr h="184976">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北海道・東北</a:t>
                      </a:r>
                      <a:endParaRPr lang="ja-JP" altLang="en-US" sz="1050" b="1"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61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9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6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4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7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5596781"/>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0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6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2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3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4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44322396"/>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0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99994106"/>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関東・甲信越</a:t>
                      </a:r>
                      <a:br>
                        <a:rPr lang="ja-JP" altLang="en-US" sz="1050" u="none" strike="noStrike">
                          <a:effectLst/>
                          <a:latin typeface="Meiryo UI" panose="020B0604030504040204" pitchFamily="50" charset="-128"/>
                          <a:ea typeface="Meiryo UI" panose="020B0604030504040204" pitchFamily="50" charset="-128"/>
                        </a:rPr>
                      </a:br>
                      <a:r>
                        <a:rPr lang="ja-JP" altLang="en-US" sz="1050" u="none" strike="noStrike">
                          <a:effectLst/>
                          <a:latin typeface="Meiryo UI" panose="020B0604030504040204" pitchFamily="50" charset="-128"/>
                          <a:ea typeface="Meiryo UI" panose="020B0604030504040204" pitchFamily="50" charset="-128"/>
                        </a:rPr>
                        <a:t>（東京圏除く）</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2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0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9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1094702"/>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7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6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7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33208213"/>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7487123"/>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京圏</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4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46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5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35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73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55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3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5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82665906"/>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8,26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7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02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6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9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35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7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0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435622"/>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85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41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7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7,08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25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0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34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628603337"/>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海・北陸</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26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8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46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2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2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3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11237829"/>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出</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6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0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3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17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97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96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4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9952129"/>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64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4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8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9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4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08326685"/>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関西圏</a:t>
                      </a:r>
                      <a:br>
                        <a:rPr lang="ja-JP" altLang="en-US" sz="1050" u="none" strike="noStrike">
                          <a:effectLst/>
                          <a:latin typeface="Meiryo UI" panose="020B0604030504040204" pitchFamily="50" charset="-128"/>
                          <a:ea typeface="Meiryo UI" panose="020B0604030504040204" pitchFamily="50" charset="-128"/>
                        </a:rPr>
                      </a:br>
                      <a:r>
                        <a:rPr lang="en-US" altLang="ja-JP" sz="1050" u="none" strike="noStrike">
                          <a:effectLst/>
                          <a:latin typeface="Meiryo UI" panose="020B0604030504040204" pitchFamily="50" charset="-128"/>
                          <a:ea typeface="Meiryo UI" panose="020B0604030504040204" pitchFamily="50" charset="-128"/>
                        </a:rPr>
                        <a:t>(</a:t>
                      </a:r>
                      <a:r>
                        <a:rPr lang="ja-JP" altLang="en-US" sz="1050" u="none" strike="noStrike">
                          <a:effectLst/>
                          <a:latin typeface="Meiryo UI" panose="020B0604030504040204" pitchFamily="50" charset="-128"/>
                          <a:ea typeface="Meiryo UI" panose="020B0604030504040204" pitchFamily="50" charset="-128"/>
                        </a:rPr>
                        <a:t>大阪除く</a:t>
                      </a:r>
                      <a:r>
                        <a:rPr lang="en-US" altLang="ja-JP" sz="1050" u="none" strike="noStrike">
                          <a:effectLst/>
                          <a:latin typeface="Meiryo UI" panose="020B0604030504040204" pitchFamily="50" charset="-128"/>
                          <a:ea typeface="Meiryo UI" panose="020B0604030504040204" pitchFamily="50" charset="-128"/>
                        </a:rPr>
                        <a:t>)</a:t>
                      </a:r>
                      <a:endParaRPr lang="en-US" altLang="ja-JP"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0,1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6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7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1,9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1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38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6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51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30122838"/>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1,7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2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1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87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32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00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54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55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0796731"/>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38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36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1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9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9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8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8170774"/>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中国・四国</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63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8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3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4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32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4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1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3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49571471"/>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8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9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06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20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2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30185965"/>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8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0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1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4,35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1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1511698329"/>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九州</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84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6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2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0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5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50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7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1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87453800"/>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02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9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5,07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84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1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9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3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38425357"/>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8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7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3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2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8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25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2708362"/>
                  </a:ext>
                </a:extLst>
              </a:tr>
              <a:tr h="184976">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br>
                        <a:rPr lang="ja-JP" altLang="en-US" sz="1050" u="none" strike="noStrike" dirty="0">
                          <a:effectLst/>
                          <a:latin typeface="Meiryo UI" panose="020B0604030504040204" pitchFamily="50" charset="-128"/>
                          <a:ea typeface="Meiryo UI" panose="020B0604030504040204" pitchFamily="50" charset="-128"/>
                        </a:rPr>
                      </a:br>
                      <a:r>
                        <a:rPr lang="en-US" altLang="ja-JP" sz="1050" u="none" strike="noStrike" dirty="0">
                          <a:effectLst/>
                          <a:latin typeface="Meiryo UI" panose="020B0604030504040204" pitchFamily="50" charset="-128"/>
                          <a:ea typeface="Meiryo UI" panose="020B0604030504040204" pitchFamily="50" charset="-128"/>
                        </a:rPr>
                        <a:t>(</a:t>
                      </a:r>
                      <a:r>
                        <a:rPr lang="ja-JP" altLang="en-US" sz="1050" u="none" strike="noStrike" dirty="0">
                          <a:effectLst/>
                          <a:latin typeface="Meiryo UI" panose="020B0604030504040204" pitchFamily="50" charset="-128"/>
                          <a:ea typeface="Meiryo UI" panose="020B0604030504040204" pitchFamily="50" charset="-128"/>
                        </a:rPr>
                        <a:t>大阪除く</a:t>
                      </a:r>
                      <a:r>
                        <a:rPr lang="en-US" altLang="ja-JP" sz="1050" u="none" strike="noStrike" dirty="0">
                          <a:effectLst/>
                          <a:latin typeface="Meiryo UI" panose="020B0604030504040204" pitchFamily="50" charset="-128"/>
                          <a:ea typeface="Meiryo UI" panose="020B0604030504040204" pitchFamily="50" charset="-128"/>
                        </a:rPr>
                        <a:t>)</a:t>
                      </a:r>
                      <a:endParaRPr lang="en-US" altLang="ja-JP" sz="1050" b="1"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5,70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2,51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01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77,5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6,08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7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05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0,7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27425711"/>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出</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67,6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4,25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59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8,42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37,22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7,66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81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11,61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04329484"/>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8,06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74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42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9,11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1,14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6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b="0" i="0" u="none" strike="noStrike" dirty="0" smtClean="0">
                          <a:effectLst/>
                          <a:latin typeface="Meiryo UI" panose="020B0604030504040204" pitchFamily="50" charset="-128"/>
                          <a:ea typeface="Meiryo UI" panose="020B0604030504040204" pitchFamily="50" charset="-128"/>
                        </a:rPr>
                        <a:t>24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b="0" i="0" u="none" strike="noStrike" dirty="0" smtClean="0">
                          <a:effectLst/>
                          <a:latin typeface="Meiryo UI" panose="020B0604030504040204" pitchFamily="50" charset="-128"/>
                          <a:ea typeface="Meiryo UI" panose="020B0604030504040204" pitchFamily="50" charset="-128"/>
                        </a:rPr>
                        <a:t>▲</a:t>
                      </a:r>
                      <a:r>
                        <a:rPr lang="en-US" altLang="ja-JP" sz="1050" b="0" i="0" u="none" strike="noStrike" dirty="0" smtClean="0">
                          <a:effectLst/>
                          <a:latin typeface="Meiryo UI" panose="020B0604030504040204" pitchFamily="50" charset="-128"/>
                          <a:ea typeface="Meiryo UI" panose="020B0604030504040204" pitchFamily="50" charset="-128"/>
                        </a:rPr>
                        <a:t>87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5742650"/>
                  </a:ext>
                </a:extLst>
              </a:tr>
            </a:tbl>
          </a:graphicData>
        </a:graphic>
      </p:graphicFrame>
    </p:spTree>
    <p:extLst>
      <p:ext uri="{BB962C8B-B14F-4D97-AF65-F5344CB8AC3E}">
        <p14:creationId xmlns:p14="http://schemas.microsoft.com/office/powerpoint/2010/main" val="2285601840"/>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179512" y="895400"/>
            <a:ext cx="8712968" cy="1093440"/>
          </a:xfrm>
          <a:prstGeom prst="rect">
            <a:avLst/>
          </a:prstGeom>
          <a:ln w="635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年齢別人口に対する転出者数の割合は、最も高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は、年齢別人口に対する転出者の割合は減少傾向にあ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転入超過の状況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前半で大きく転入超過となっている一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から後半では転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過</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8984" y="5124525"/>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2009428"/>
            <a:ext cx="57606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転出者総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0" y="4858364"/>
            <a:ext cx="349238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転入超過の状況（</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122813" y="377859"/>
            <a:ext cx="750658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年齢別（</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8</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歳）の転入出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勢調査結果」よ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作成</a:t>
            </a:r>
          </a:p>
        </p:txBody>
      </p:sp>
      <p:sp>
        <p:nvSpPr>
          <p:cNvPr id="17" name="テキスト ボックス 16"/>
          <p:cNvSpPr txBox="1"/>
          <p:nvPr/>
        </p:nvSpPr>
        <p:spPr>
          <a:xfrm>
            <a:off x="89756" y="2230884"/>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63</a:t>
            </a:fld>
            <a:endParaRPr lang="ja-JP" altLang="en-US" b="1" dirty="0"/>
          </a:p>
        </p:txBody>
      </p:sp>
      <p:graphicFrame>
        <p:nvGraphicFramePr>
          <p:cNvPr id="15" name="グラフ 14"/>
          <p:cNvGraphicFramePr>
            <a:graphicFrameLocks/>
          </p:cNvGraphicFramePr>
          <p:nvPr>
            <p:extLst>
              <p:ext uri="{D42A27DB-BD31-4B8C-83A1-F6EECF244321}">
                <p14:modId xmlns:p14="http://schemas.microsoft.com/office/powerpoint/2010/main" val="3506131250"/>
              </p:ext>
            </p:extLst>
          </p:nvPr>
        </p:nvGraphicFramePr>
        <p:xfrm>
          <a:off x="89081" y="2136263"/>
          <a:ext cx="8803399" cy="281464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9" name="グラフ 18"/>
          <p:cNvGraphicFramePr>
            <a:graphicFrameLocks/>
          </p:cNvGraphicFramePr>
          <p:nvPr>
            <p:extLst>
              <p:ext uri="{D42A27DB-BD31-4B8C-83A1-F6EECF244321}">
                <p14:modId xmlns:p14="http://schemas.microsoft.com/office/powerpoint/2010/main" val="4277391691"/>
              </p:ext>
            </p:extLst>
          </p:nvPr>
        </p:nvGraphicFramePr>
        <p:xfrm>
          <a:off x="96722" y="5290575"/>
          <a:ext cx="8795758" cy="156179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46716311"/>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11"/>
          <p:cNvGraphicFramePr>
            <a:graphicFrameLocks noGrp="1"/>
          </p:cNvGraphicFramePr>
          <p:nvPr>
            <p:extLst>
              <p:ext uri="{D42A27DB-BD31-4B8C-83A1-F6EECF244321}">
                <p14:modId xmlns:p14="http://schemas.microsoft.com/office/powerpoint/2010/main" val="131120938"/>
              </p:ext>
            </p:extLst>
          </p:nvPr>
        </p:nvGraphicFramePr>
        <p:xfrm>
          <a:off x="196390" y="3616216"/>
          <a:ext cx="8696092" cy="3066146"/>
        </p:xfrm>
        <a:graphic>
          <a:graphicData uri="http://schemas.openxmlformats.org/drawingml/2006/table">
            <a:tbl>
              <a:tblPr/>
              <a:tblGrid>
                <a:gridCol w="271154">
                  <a:extLst>
                    <a:ext uri="{9D8B030D-6E8A-4147-A177-3AD203B41FA5}">
                      <a16:colId xmlns:a16="http://schemas.microsoft.com/office/drawing/2014/main" val="20000"/>
                    </a:ext>
                  </a:extLst>
                </a:gridCol>
                <a:gridCol w="1139408">
                  <a:extLst>
                    <a:ext uri="{9D8B030D-6E8A-4147-A177-3AD203B41FA5}">
                      <a16:colId xmlns:a16="http://schemas.microsoft.com/office/drawing/2014/main" val="20001"/>
                    </a:ext>
                  </a:extLst>
                </a:gridCol>
                <a:gridCol w="1040790">
                  <a:extLst>
                    <a:ext uri="{9D8B030D-6E8A-4147-A177-3AD203B41FA5}">
                      <a16:colId xmlns:a16="http://schemas.microsoft.com/office/drawing/2014/main" val="20002"/>
                    </a:ext>
                  </a:extLst>
                </a:gridCol>
                <a:gridCol w="1040790">
                  <a:extLst>
                    <a:ext uri="{9D8B030D-6E8A-4147-A177-3AD203B41FA5}">
                      <a16:colId xmlns:a16="http://schemas.microsoft.com/office/drawing/2014/main" val="20003"/>
                    </a:ext>
                  </a:extLst>
                </a:gridCol>
                <a:gridCol w="1040790">
                  <a:extLst>
                    <a:ext uri="{9D8B030D-6E8A-4147-A177-3AD203B41FA5}">
                      <a16:colId xmlns:a16="http://schemas.microsoft.com/office/drawing/2014/main" val="20004"/>
                    </a:ext>
                  </a:extLst>
                </a:gridCol>
                <a:gridCol w="1040790">
                  <a:extLst>
                    <a:ext uri="{9D8B030D-6E8A-4147-A177-3AD203B41FA5}">
                      <a16:colId xmlns:a16="http://schemas.microsoft.com/office/drawing/2014/main" val="20005"/>
                    </a:ext>
                  </a:extLst>
                </a:gridCol>
                <a:gridCol w="1040790">
                  <a:extLst>
                    <a:ext uri="{9D8B030D-6E8A-4147-A177-3AD203B41FA5}">
                      <a16:colId xmlns:a16="http://schemas.microsoft.com/office/drawing/2014/main" val="20006"/>
                    </a:ext>
                  </a:extLst>
                </a:gridCol>
                <a:gridCol w="1040790">
                  <a:extLst>
                    <a:ext uri="{9D8B030D-6E8A-4147-A177-3AD203B41FA5}">
                      <a16:colId xmlns:a16="http://schemas.microsoft.com/office/drawing/2014/main" val="2272946547"/>
                    </a:ext>
                  </a:extLst>
                </a:gridCol>
                <a:gridCol w="1040790">
                  <a:extLst>
                    <a:ext uri="{9D8B030D-6E8A-4147-A177-3AD203B41FA5}">
                      <a16:colId xmlns:a16="http://schemas.microsoft.com/office/drawing/2014/main" val="2010125438"/>
                    </a:ext>
                  </a:extLst>
                </a:gridCol>
              </a:tblGrid>
              <a:tr h="150216">
                <a:tc>
                  <a:txBody>
                    <a:bodyPr/>
                    <a:lstStyle/>
                    <a:p>
                      <a:pPr algn="ctr">
                        <a:lnSpc>
                          <a:spcPts val="1000"/>
                        </a:lnSpc>
                      </a:pPr>
                      <a:r>
                        <a:rPr lang="ja-JP" sz="900" kern="0" dirty="0">
                          <a:solidFill>
                            <a:schemeClr val="tx1"/>
                          </a:solidFill>
                          <a:effectLst/>
                          <a:latin typeface="Meiryo UI" panose="020B0604030504040204" pitchFamily="50" charset="-128"/>
                          <a:ea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smtClean="0">
                          <a:solidFill>
                            <a:schemeClr val="tx1"/>
                          </a:solidFill>
                          <a:effectLst/>
                          <a:latin typeface="Meiryo UI" panose="020B0604030504040204" pitchFamily="50" charset="-128"/>
                          <a:ea typeface="Meiryo UI" panose="020B0604030504040204" pitchFamily="50" charset="-128"/>
                        </a:rPr>
                        <a:t>2010</a:t>
                      </a:r>
                      <a:r>
                        <a:rPr lang="ja-JP" altLang="en-US" sz="900" kern="1200" dirty="0" smtClean="0">
                          <a:solidFill>
                            <a:schemeClr val="tx1"/>
                          </a:solidFill>
                          <a:effectLst/>
                          <a:latin typeface="Meiryo UI" panose="020B0604030504040204" pitchFamily="50" charset="-128"/>
                          <a:ea typeface="Meiryo UI" panose="020B0604030504040204" pitchFamily="50" charset="-128"/>
                        </a:rPr>
                        <a:t>年度</a:t>
                      </a:r>
                      <a:endParaRPr lang="en-US" sz="900" kern="12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1</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2</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3</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4</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5</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6</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2017</a:t>
                      </a:r>
                      <a:r>
                        <a:rPr lang="ja-JP" altLang="en-US" sz="900" kern="100" dirty="0" smtClean="0">
                          <a:solidFill>
                            <a:schemeClr val="tx1"/>
                          </a:solidFill>
                          <a:effectLst/>
                          <a:latin typeface="Meiryo UI" panose="020B0604030504040204" pitchFamily="50" charset="-128"/>
                          <a:ea typeface="Meiryo UI" panose="020B0604030504040204" pitchFamily="50" charset="-128"/>
                        </a:rPr>
                        <a:t>年度</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sz="900" kern="1200" dirty="0">
                          <a:solidFill>
                            <a:schemeClr val="tx1"/>
                          </a:solidFill>
                          <a:effectLst/>
                          <a:latin typeface="Meiryo UI" panose="020B0604030504040204" pitchFamily="50" charset="-128"/>
                          <a:ea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514</a:t>
                      </a:r>
                      <a:r>
                        <a:rPr lang="ja-JP" sz="900" kern="0" dirty="0" smtClean="0">
                          <a:solidFill>
                            <a:schemeClr val="tx1"/>
                          </a:solidFill>
                          <a:effectLst/>
                          <a:latin typeface="Meiryo UI" panose="020B0604030504040204" pitchFamily="50" charset="-128"/>
                          <a:ea typeface="Meiryo UI" panose="020B0604030504040204" pitchFamily="50" charset="-128"/>
                        </a:rPr>
                        <a:t>万円</a:t>
                      </a:r>
                      <a:r>
                        <a:rPr lang="ja-JP" sz="900" kern="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2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52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54</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54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福井</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20</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5</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4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5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r>
                        <a:rPr lang="en-US" altLang="ja-JP" sz="900" kern="100" dirty="0" smtClean="0">
                          <a:solidFill>
                            <a:schemeClr val="tx1"/>
                          </a:solidFill>
                          <a:effectLst/>
                          <a:latin typeface="Meiryo UI" panose="020B0604030504040204" pitchFamily="50" charset="-128"/>
                          <a:ea typeface="Meiryo UI" panose="020B0604030504040204" pitchFamily="50" charset="-128"/>
                        </a:rPr>
                        <a:t/>
                      </a:r>
                      <a:br>
                        <a:rPr lang="en-US" altLang="ja-JP" sz="900" kern="100" dirty="0" smtClean="0">
                          <a:solidFill>
                            <a:schemeClr val="tx1"/>
                          </a:solidFill>
                          <a:effectLst/>
                          <a:latin typeface="Meiryo UI" panose="020B0604030504040204" pitchFamily="50" charset="-128"/>
                          <a:ea typeface="Meiryo UI" panose="020B0604030504040204" pitchFamily="50" charset="-128"/>
                        </a:rPr>
                      </a:b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6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愛知</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12</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4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91593">
                <a:tc>
                  <a:txBody>
                    <a:bodyPr/>
                    <a:lstStyle/>
                    <a:p>
                      <a:pPr algn="ctr" fontAlgn="ctr">
                        <a:lnSpc>
                          <a:spcPts val="1000"/>
                        </a:lnSpc>
                      </a:pPr>
                      <a:r>
                        <a:rPr lang="en-US" sz="900" kern="1200" dirty="0">
                          <a:solidFill>
                            <a:schemeClr val="tx1"/>
                          </a:solidFill>
                          <a:effectLst/>
                          <a:latin typeface="Meiryo UI" panose="020B0604030504040204" pitchFamily="50" charset="-128"/>
                          <a:ea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200" dirty="0" smtClean="0">
                          <a:solidFill>
                            <a:schemeClr val="tx1"/>
                          </a:solidFill>
                          <a:effectLst/>
                          <a:latin typeface="Meiryo UI" panose="020B0604030504040204" pitchFamily="50" charset="-128"/>
                          <a:ea typeface="Meiryo UI" panose="020B0604030504040204" pitchFamily="50" charset="-128"/>
                        </a:rPr>
                        <a:t>富山</a:t>
                      </a:r>
                      <a:r>
                        <a:rPr lang="ja-JP" sz="900" kern="1200" dirty="0" smtClean="0">
                          <a:solidFill>
                            <a:schemeClr val="tx1"/>
                          </a:solidFill>
                          <a:effectLst/>
                          <a:latin typeface="Meiryo UI" panose="020B0604030504040204" pitchFamily="50" charset="-128"/>
                          <a:ea typeface="Meiryo UI" panose="020B0604030504040204" pitchFamily="50" charset="-128"/>
                        </a:rPr>
                        <a:t>県</a:t>
                      </a:r>
                      <a:endParaRPr lang="ja-JP" sz="900" kern="100" dirty="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sz="900" kern="1200" dirty="0" smtClean="0">
                          <a:solidFill>
                            <a:schemeClr val="tx1"/>
                          </a:solidFill>
                          <a:effectLst/>
                          <a:latin typeface="Meiryo UI" panose="020B0604030504040204" pitchFamily="50" charset="-128"/>
                          <a:ea typeface="Meiryo UI" panose="020B0604030504040204" pitchFamily="50" charset="-128"/>
                        </a:rPr>
                        <a:t>（</a:t>
                      </a:r>
                      <a:r>
                        <a:rPr lang="en-US" altLang="ja-JP" sz="900" kern="1200" dirty="0" smtClean="0">
                          <a:solidFill>
                            <a:schemeClr val="tx1"/>
                          </a:solidFill>
                          <a:effectLst/>
                          <a:latin typeface="Meiryo UI" panose="020B0604030504040204" pitchFamily="50" charset="-128"/>
                          <a:ea typeface="Meiryo UI" panose="020B0604030504040204" pitchFamily="50" charset="-128"/>
                        </a:rPr>
                        <a:t>309</a:t>
                      </a:r>
                      <a:r>
                        <a:rPr lang="ja-JP" sz="900" kern="1200" dirty="0" smtClean="0">
                          <a:solidFill>
                            <a:schemeClr val="tx1"/>
                          </a:solidFill>
                          <a:effectLst/>
                          <a:latin typeface="Meiryo UI" panose="020B0604030504040204" pitchFamily="50" charset="-128"/>
                          <a:ea typeface="Meiryo UI" panose="020B0604030504040204" pitchFamily="50" charset="-128"/>
                        </a:rPr>
                        <a:t>万円</a:t>
                      </a:r>
                      <a:r>
                        <a:rPr lang="ja-JP" sz="900" kern="1200" dirty="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4</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静岡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0</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6</a:t>
                      </a: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3</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富山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7</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栃木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6</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5</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0</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5</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8</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茨城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31</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8</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301</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6</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92</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bg1"/>
                          </a:solidFill>
                          <a:effectLst/>
                          <a:latin typeface="Meiryo UI" panose="020B0604030504040204" pitchFamily="50" charset="-128"/>
                          <a:ea typeface="Meiryo UI" panose="020B0604030504040204" pitchFamily="50" charset="-128"/>
                        </a:rPr>
                        <a:t>（</a:t>
                      </a:r>
                      <a:r>
                        <a:rPr lang="en-US" altLang="ja-JP" sz="900" kern="0" dirty="0" smtClean="0">
                          <a:solidFill>
                            <a:schemeClr val="bg1"/>
                          </a:solidFill>
                          <a:effectLst/>
                          <a:latin typeface="Meiryo UI" panose="020B0604030504040204" pitchFamily="50" charset="-128"/>
                          <a:ea typeface="Meiryo UI" panose="020B0604030504040204" pitchFamily="50" charset="-128"/>
                        </a:rPr>
                        <a:t>297</a:t>
                      </a:r>
                      <a:r>
                        <a:rPr lang="ja-JP" altLang="en-US" sz="900" kern="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山口県</a:t>
                      </a:r>
                      <a:endParaRPr lang="en-US" altLang="ja-JP" sz="900" kern="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0" dirty="0" smtClean="0">
                          <a:solidFill>
                            <a:schemeClr val="tx1"/>
                          </a:solidFill>
                          <a:effectLst/>
                          <a:latin typeface="Meiryo UI" panose="020B0604030504040204" pitchFamily="50" charset="-128"/>
                          <a:ea typeface="Meiryo UI" panose="020B0604030504040204" pitchFamily="50" charset="-128"/>
                        </a:rPr>
                        <a:t>（</a:t>
                      </a:r>
                      <a:r>
                        <a:rPr lang="en-US" altLang="ja-JP" sz="900" kern="0" dirty="0" smtClean="0">
                          <a:solidFill>
                            <a:schemeClr val="tx1"/>
                          </a:solidFill>
                          <a:effectLst/>
                          <a:latin typeface="Meiryo UI" panose="020B0604030504040204" pitchFamily="50" charset="-128"/>
                          <a:ea typeface="Meiryo UI" panose="020B0604030504040204" pitchFamily="50" charset="-128"/>
                        </a:rPr>
                        <a:t>299</a:t>
                      </a:r>
                      <a:r>
                        <a:rPr lang="ja-JP" altLang="en-US" sz="900" kern="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群馬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9</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89</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endParaRPr>
                    </a:p>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rPr>
                        <a:t>（</a:t>
                      </a:r>
                      <a:r>
                        <a:rPr lang="en-US" altLang="ja-JP" sz="900" kern="0" dirty="0" smtClean="0">
                          <a:solidFill>
                            <a:schemeClr val="bg1"/>
                          </a:solidFill>
                          <a:effectLst/>
                          <a:latin typeface="Meiryo UI" panose="020B0604030504040204" pitchFamily="50" charset="-128"/>
                          <a:ea typeface="Meiryo UI" panose="020B0604030504040204" pitchFamily="50" charset="-128"/>
                        </a:rPr>
                        <a:t>295</a:t>
                      </a:r>
                      <a:r>
                        <a:rPr lang="ja-JP" altLang="en-US" sz="900" kern="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8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296</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群馬県</a:t>
                      </a:r>
                      <a:endParaRPr kumimoji="1" lang="en-US" altLang="ja-JP"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ctr" latinLnBrk="0" hangingPunct="1">
                        <a:lnSpc>
                          <a:spcPts val="1000"/>
                        </a:lnSpc>
                        <a:spcBef>
                          <a:spcPts val="0"/>
                        </a:spcBef>
                        <a:spcAft>
                          <a:spcPts val="0"/>
                        </a:spcAft>
                        <a:buClrTx/>
                        <a:buSzTx/>
                        <a:buFontTx/>
                        <a:buNone/>
                        <a:tabLst/>
                        <a:defRPr/>
                      </a:pP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99</a:t>
                      </a:r>
                      <a:r>
                        <a:rPr kumimoji="1" lang="ja-JP" altLang="en-US" sz="9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万円）</a:t>
                      </a:r>
                      <a:endParaRPr kumimoji="1" lang="ja-JP" altLang="ja-JP" sz="9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滋賀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09</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12</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福井県</a:t>
                      </a: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tx1"/>
                          </a:solidFill>
                          <a:effectLst/>
                          <a:latin typeface="Meiryo UI" panose="020B0604030504040204" pitchFamily="50" charset="-128"/>
                          <a:ea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rPr>
                        <a:t>327</a:t>
                      </a:r>
                      <a:r>
                        <a:rPr lang="ja-JP" altLang="en-US" sz="900" kern="100" dirty="0" smtClean="0">
                          <a:solidFill>
                            <a:schemeClr val="tx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9"/>
                  </a:ext>
                </a:extLst>
              </a:tr>
              <a:tr h="291593">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rPr>
                        <a:t>10</a:t>
                      </a:r>
                      <a:r>
                        <a:rPr lang="ja-JP" altLang="en-US" sz="900" kern="100" dirty="0" smtClean="0">
                          <a:solidFill>
                            <a:schemeClr val="tx1"/>
                          </a:solidFill>
                          <a:effectLst/>
                          <a:latin typeface="Meiryo UI" panose="020B0604030504040204" pitchFamily="50" charset="-128"/>
                          <a:ea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en-US"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000"/>
                        </a:lnSpc>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endParaRPr lang="ja-JP" altLang="ja-JP" sz="900" kern="100" dirty="0" smtClean="0">
                        <a:solidFill>
                          <a:schemeClr val="tx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299</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⑩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08</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⑮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04</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⑬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endParaRPr>
                    </a:p>
                    <a:p>
                      <a:pPr marL="0" marR="0" indent="0" algn="ctr" defTabSz="914400" rtl="0" eaLnBrk="1" fontAlgn="ctr" latinLnBrk="0" hangingPunct="1">
                        <a:lnSpc>
                          <a:spcPts val="1000"/>
                        </a:lnSpc>
                        <a:spcBef>
                          <a:spcPts val="0"/>
                        </a:spcBef>
                        <a:spcAft>
                          <a:spcPts val="0"/>
                        </a:spcAft>
                        <a:buClrTx/>
                        <a:buSzTx/>
                        <a:buFontTx/>
                        <a:buNone/>
                        <a:tabLst/>
                        <a:defRPr/>
                      </a:pPr>
                      <a:r>
                        <a:rPr lang="ja-JP" altLang="en-US" sz="900" kern="100" dirty="0" smtClean="0">
                          <a:solidFill>
                            <a:schemeClr val="bg1"/>
                          </a:solidFill>
                          <a:effectLst/>
                          <a:latin typeface="Meiryo UI" panose="020B0604030504040204" pitchFamily="50" charset="-128"/>
                          <a:ea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rPr>
                        <a:t>318</a:t>
                      </a:r>
                      <a:r>
                        <a:rPr lang="ja-JP" altLang="en-US" sz="900" kern="100" dirty="0" smtClean="0">
                          <a:solidFill>
                            <a:schemeClr val="bg1"/>
                          </a:solidFill>
                          <a:effectLst/>
                          <a:latin typeface="Meiryo UI" panose="020B0604030504040204" pitchFamily="50" charset="-128"/>
                          <a:ea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3442376559"/>
                  </a:ext>
                </a:extLst>
              </a:tr>
            </a:tbl>
          </a:graphicData>
        </a:graphic>
      </p:graphicFrame>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r>
              <a:rPr lang="ja-JP" altLang="en-US" dirty="0">
                <a:latin typeface="Meiryo UI" panose="020B0604030504040204" pitchFamily="50" charset="-128"/>
                <a:ea typeface="Meiryo UI" panose="020B0604030504040204" pitchFamily="50" charset="-128"/>
                <a:cs typeface="Meiryo UI" panose="020B0604030504040204" pitchFamily="50" charset="-128"/>
              </a:rPr>
              <a:t>府民所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smtClean="0">
                <a:latin typeface="Meiryo UI" panose="020B0604030504040204" pitchFamily="50" charset="-128"/>
                <a:ea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rPr>
              <a:t>県民経済計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800609"/>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ー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金額は増加傾向にあるものの、全国８～</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277114" y="6639163"/>
            <a:ext cx="4615366" cy="246221"/>
          </a:xfrm>
          <a:prstGeom prst="rect">
            <a:avLst/>
          </a:prstGeom>
          <a:noFill/>
        </p:spPr>
        <p:txBody>
          <a:bodyPr wrap="non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4</a:t>
            </a:fld>
            <a:endParaRPr lang="ja-JP" altLang="en-US" dirty="0"/>
          </a:p>
        </p:txBody>
      </p:sp>
      <p:sp>
        <p:nvSpPr>
          <p:cNvPr id="17" name="テキスト ボックス 16"/>
          <p:cNvSpPr txBox="1"/>
          <p:nvPr/>
        </p:nvSpPr>
        <p:spPr>
          <a:xfrm>
            <a:off x="71500" y="3298357"/>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県民所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71500" y="1340768"/>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779979739"/>
              </p:ext>
            </p:extLst>
          </p:nvPr>
        </p:nvGraphicFramePr>
        <p:xfrm>
          <a:off x="196390" y="1628800"/>
          <a:ext cx="8696093" cy="1608995"/>
        </p:xfrm>
        <a:graphic>
          <a:graphicData uri="http://schemas.openxmlformats.org/drawingml/2006/table">
            <a:tbl>
              <a:tblPr/>
              <a:tblGrid>
                <a:gridCol w="438590">
                  <a:extLst>
                    <a:ext uri="{9D8B030D-6E8A-4147-A177-3AD203B41FA5}">
                      <a16:colId xmlns:a16="http://schemas.microsoft.com/office/drawing/2014/main" val="20000"/>
                    </a:ext>
                  </a:extLst>
                </a:gridCol>
                <a:gridCol w="1037403">
                  <a:extLst>
                    <a:ext uri="{9D8B030D-6E8A-4147-A177-3AD203B41FA5}">
                      <a16:colId xmlns:a16="http://schemas.microsoft.com/office/drawing/2014/main" val="20005"/>
                    </a:ext>
                  </a:extLst>
                </a:gridCol>
                <a:gridCol w="1026972">
                  <a:extLst>
                    <a:ext uri="{9D8B030D-6E8A-4147-A177-3AD203B41FA5}">
                      <a16:colId xmlns:a16="http://schemas.microsoft.com/office/drawing/2014/main" val="20006"/>
                    </a:ext>
                  </a:extLst>
                </a:gridCol>
                <a:gridCol w="1032188">
                  <a:extLst>
                    <a:ext uri="{9D8B030D-6E8A-4147-A177-3AD203B41FA5}">
                      <a16:colId xmlns:a16="http://schemas.microsoft.com/office/drawing/2014/main" val="20007"/>
                    </a:ext>
                  </a:extLst>
                </a:gridCol>
                <a:gridCol w="1032188">
                  <a:extLst>
                    <a:ext uri="{9D8B030D-6E8A-4147-A177-3AD203B41FA5}">
                      <a16:colId xmlns:a16="http://schemas.microsoft.com/office/drawing/2014/main" val="20008"/>
                    </a:ext>
                  </a:extLst>
                </a:gridCol>
                <a:gridCol w="1032188">
                  <a:extLst>
                    <a:ext uri="{9D8B030D-6E8A-4147-A177-3AD203B41FA5}">
                      <a16:colId xmlns:a16="http://schemas.microsoft.com/office/drawing/2014/main" val="20009"/>
                    </a:ext>
                  </a:extLst>
                </a:gridCol>
                <a:gridCol w="1032188">
                  <a:extLst>
                    <a:ext uri="{9D8B030D-6E8A-4147-A177-3AD203B41FA5}">
                      <a16:colId xmlns:a16="http://schemas.microsoft.com/office/drawing/2014/main" val="20010"/>
                    </a:ext>
                  </a:extLst>
                </a:gridCol>
                <a:gridCol w="1032188">
                  <a:extLst>
                    <a:ext uri="{9D8B030D-6E8A-4147-A177-3AD203B41FA5}">
                      <a16:colId xmlns:a16="http://schemas.microsoft.com/office/drawing/2014/main" val="2227052641"/>
                    </a:ext>
                  </a:extLst>
                </a:gridCol>
                <a:gridCol w="1032188">
                  <a:extLst>
                    <a:ext uri="{9D8B030D-6E8A-4147-A177-3AD203B41FA5}">
                      <a16:colId xmlns:a16="http://schemas.microsoft.com/office/drawing/2014/main" val="2356692449"/>
                    </a:ext>
                  </a:extLst>
                </a:gridCol>
              </a:tblGrid>
              <a:tr h="198955">
                <a:tc>
                  <a:txBody>
                    <a:bodyPr/>
                    <a:lstStyle/>
                    <a:p>
                      <a:pPr algn="ctr">
                        <a:lnSpc>
                          <a:spcPts val="1000"/>
                        </a:lnSpc>
                        <a:spcAft>
                          <a:spcPts val="0"/>
                        </a:spcAft>
                      </a:pPr>
                      <a:r>
                        <a:rPr lang="ja-JP" sz="9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H22)</a:t>
                      </a:r>
                      <a:endParaRPr 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H28)</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H29)</a:t>
                      </a:r>
                    </a:p>
                  </a:txBody>
                  <a:tcPr marL="9526" marR="9526" marT="9528"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6</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2</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3</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1"/>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9</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2</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2"/>
                  </a:ext>
                </a:extLst>
              </a:tr>
              <a:tr h="282008">
                <a:tc>
                  <a:txBody>
                    <a:bodyPr/>
                    <a:lstStyle/>
                    <a:p>
                      <a:pPr algn="ctr" fontAlgn="ctr">
                        <a:lnSpc>
                          <a:spcPts val="1000"/>
                        </a:lnSpc>
                        <a:spcAft>
                          <a:spcPts val="0"/>
                        </a:spcAft>
                      </a:pPr>
                      <a:r>
                        <a:rPr lang="en-US" sz="9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3</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79</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6</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3"/>
                  </a:ext>
                </a:extLst>
              </a:tr>
              <a:tr h="282008">
                <a:tc>
                  <a:txBody>
                    <a:bodyPr/>
                    <a:lstStyle/>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6</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a:t>
                      </a:r>
                      <a:r>
                        <a:rPr lang="ja-JP" altLang="en-US"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85</a:t>
                      </a:r>
                      <a:r>
                        <a:rPr lang="ja-JP" altLang="en-US" sz="9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7</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0004"/>
                  </a:ext>
                </a:extLst>
              </a:tr>
              <a:tr h="282008">
                <a:tc>
                  <a:txBody>
                    <a:bodyPr/>
                    <a:lstStyle/>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9</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4</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0</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5</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8</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4</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海道</a:t>
                      </a:r>
                      <a:endPar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000"/>
                        </a:lnSpc>
                        <a:spcAft>
                          <a:spcPts val="0"/>
                        </a:spcAft>
                      </a:pP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1</a:t>
                      </a:r>
                      <a:r>
                        <a:rPr lang="ja-JP" altLang="en-US" sz="9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endParaRPr lang="ja-JP" sz="9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extLst>
                  <a:ext uri="{0D108BD9-81ED-4DB2-BD59-A6C34878D82A}">
                    <a16:rowId xmlns:a16="http://schemas.microsoft.com/office/drawing/2014/main" val="1955890889"/>
                  </a:ext>
                </a:extLst>
              </a:tr>
            </a:tbl>
          </a:graphicData>
        </a:graphic>
      </p:graphicFrame>
      <p:sp>
        <p:nvSpPr>
          <p:cNvPr id="21" name="テキスト ボックス 20"/>
          <p:cNvSpPr txBox="1"/>
          <p:nvPr/>
        </p:nvSpPr>
        <p:spPr>
          <a:xfrm>
            <a:off x="7866491" y="3247877"/>
            <a:ext cx="1025989" cy="348813"/>
          </a:xfrm>
          <a:prstGeom prst="rect">
            <a:avLst/>
          </a:prstGeom>
          <a:solidFill>
            <a:srgbClr val="070A97"/>
          </a:solidFill>
        </p:spPr>
        <p:txBody>
          <a:bodyPr wrap="square" rtlCol="0">
            <a:spAutoFit/>
          </a:bodyPr>
          <a:lstStyle/>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⑥</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大阪府</a:t>
            </a:r>
            <a:endParaRPr lang="en-US" altLang="ja-JP"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487</a:t>
            </a: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万円）</a:t>
            </a:r>
            <a:endPar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0919207"/>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0"/>
          <p:cNvSpPr>
            <a:spLocks noChangeArrowheads="1"/>
          </p:cNvSpPr>
          <p:nvPr/>
        </p:nvSpPr>
        <p:spPr bwMode="auto">
          <a:xfrm>
            <a:off x="83210" y="440769"/>
            <a:ext cx="68407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10"/>
          <p:cNvSpPr>
            <a:spLocks noChangeArrowheads="1"/>
          </p:cNvSpPr>
          <p:nvPr/>
        </p:nvSpPr>
        <p:spPr bwMode="auto">
          <a:xfrm>
            <a:off x="4577409" y="1869159"/>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帯主の年齢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の世帯</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110557" y="1838942"/>
            <a:ext cx="339465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数（分類不能及び不詳除く）</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97226" y="870539"/>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や東京都、愛知県と比べると所得の低い世帯数の割合が高い傾向は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8"/>
          <p:cNvSpPr>
            <a:spLocks noChangeArrowheads="1"/>
          </p:cNvSpPr>
          <p:nvPr/>
        </p:nvSpPr>
        <p:spPr bwMode="auto">
          <a:xfrm>
            <a:off x="0" y="6508832"/>
            <a:ext cx="7200800"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全国）が</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対象</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4069278519"/>
              </p:ext>
            </p:extLst>
          </p:nvPr>
        </p:nvGraphicFramePr>
        <p:xfrm>
          <a:off x="4670815" y="3287833"/>
          <a:ext cx="4332180" cy="113589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グラフ 17"/>
          <p:cNvGraphicFramePr>
            <a:graphicFrameLocks/>
          </p:cNvGraphicFramePr>
          <p:nvPr>
            <p:extLst>
              <p:ext uri="{D42A27DB-BD31-4B8C-83A1-F6EECF244321}">
                <p14:modId xmlns:p14="http://schemas.microsoft.com/office/powerpoint/2010/main" val="644877822"/>
              </p:ext>
            </p:extLst>
          </p:nvPr>
        </p:nvGraphicFramePr>
        <p:xfrm>
          <a:off x="4672506" y="4314598"/>
          <a:ext cx="4332183" cy="111126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9" name="グラフ 18"/>
          <p:cNvGraphicFramePr>
            <a:graphicFrameLocks/>
          </p:cNvGraphicFramePr>
          <p:nvPr>
            <p:extLst>
              <p:ext uri="{D42A27DB-BD31-4B8C-83A1-F6EECF244321}">
                <p14:modId xmlns:p14="http://schemas.microsoft.com/office/powerpoint/2010/main" val="3004110910"/>
              </p:ext>
            </p:extLst>
          </p:nvPr>
        </p:nvGraphicFramePr>
        <p:xfrm>
          <a:off x="4683392" y="5334836"/>
          <a:ext cx="4463195" cy="1250359"/>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20" name="グラフ 19"/>
          <p:cNvGraphicFramePr>
            <a:graphicFrameLocks/>
          </p:cNvGraphicFramePr>
          <p:nvPr>
            <p:extLst>
              <p:ext uri="{D42A27DB-BD31-4B8C-83A1-F6EECF244321}">
                <p14:modId xmlns:p14="http://schemas.microsoft.com/office/powerpoint/2010/main" val="3293524441"/>
              </p:ext>
            </p:extLst>
          </p:nvPr>
        </p:nvGraphicFramePr>
        <p:xfrm>
          <a:off x="4670815" y="2243341"/>
          <a:ext cx="4349783" cy="1092592"/>
        </p:xfrm>
        <a:graphic>
          <a:graphicData uri="http://schemas.openxmlformats.org/drawingml/2006/chart">
            <c:chart xmlns:c="http://schemas.openxmlformats.org/drawingml/2006/chart" xmlns:r="http://schemas.openxmlformats.org/officeDocument/2006/relationships" r:id="rId6"/>
          </a:graphicData>
        </a:graphic>
      </p:graphicFrame>
      <p:sp>
        <p:nvSpPr>
          <p:cNvPr id="4" name="下矢印吹き出し 3"/>
          <p:cNvSpPr/>
          <p:nvPr/>
        </p:nvSpPr>
        <p:spPr>
          <a:xfrm>
            <a:off x="8214366" y="2131355"/>
            <a:ext cx="76671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n-ea"/>
              </a:rPr>
              <a:t>1,000</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1" name="下矢印吹き出し 20"/>
          <p:cNvSpPr/>
          <p:nvPr/>
        </p:nvSpPr>
        <p:spPr>
          <a:xfrm>
            <a:off x="7340064" y="2137354"/>
            <a:ext cx="79780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500</a:t>
            </a:r>
            <a:r>
              <a:rPr kumimoji="1" lang="ja-JP" altLang="en-US" sz="800" dirty="0" smtClean="0">
                <a:solidFill>
                  <a:schemeClr val="tx1"/>
                </a:solidFill>
                <a:latin typeface="+mn-ea"/>
              </a:rPr>
              <a:t>～</a:t>
            </a:r>
            <a:r>
              <a:rPr kumimoji="1" lang="en-US" altLang="ja-JP" sz="800" dirty="0" smtClean="0">
                <a:solidFill>
                  <a:schemeClr val="tx1"/>
                </a:solidFill>
                <a:latin typeface="+mn-ea"/>
              </a:rPr>
              <a:t>9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3" name="下矢印吹き出し 22"/>
          <p:cNvSpPr/>
          <p:nvPr/>
        </p:nvSpPr>
        <p:spPr>
          <a:xfrm>
            <a:off x="6405142" y="2134425"/>
            <a:ext cx="858428"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300</a:t>
            </a:r>
            <a:r>
              <a:rPr kumimoji="1" lang="ja-JP" altLang="en-US" sz="800" dirty="0" smtClean="0">
                <a:solidFill>
                  <a:schemeClr val="tx1"/>
                </a:solidFill>
                <a:latin typeface="+mn-ea"/>
              </a:rPr>
              <a:t>～</a:t>
            </a:r>
            <a:r>
              <a:rPr lang="en-US" altLang="ja-JP" sz="800" dirty="0">
                <a:solidFill>
                  <a:schemeClr val="tx1"/>
                </a:solidFill>
                <a:latin typeface="+mn-ea"/>
              </a:rPr>
              <a:t>4</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24" name="下矢印吹き出し 23"/>
          <p:cNvSpPr/>
          <p:nvPr/>
        </p:nvSpPr>
        <p:spPr>
          <a:xfrm>
            <a:off x="5519818" y="2131355"/>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a:t>
            </a:r>
            <a:r>
              <a:rPr lang="en-US" altLang="ja-JP" sz="800" dirty="0" smtClean="0">
                <a:solidFill>
                  <a:schemeClr val="tx1"/>
                </a:solidFill>
                <a:latin typeface="+mn-ea"/>
              </a:rPr>
              <a:t>2</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graphicFrame>
        <p:nvGraphicFramePr>
          <p:cNvPr id="25" name="グラフ 24"/>
          <p:cNvGraphicFramePr>
            <a:graphicFrameLocks/>
          </p:cNvGraphicFramePr>
          <p:nvPr>
            <p:extLst>
              <p:ext uri="{D42A27DB-BD31-4B8C-83A1-F6EECF244321}">
                <p14:modId xmlns:p14="http://schemas.microsoft.com/office/powerpoint/2010/main" val="3944006036"/>
              </p:ext>
            </p:extLst>
          </p:nvPr>
        </p:nvGraphicFramePr>
        <p:xfrm>
          <a:off x="129082" y="2243341"/>
          <a:ext cx="4465239" cy="1111485"/>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26" name="グラフ 25"/>
          <p:cNvGraphicFramePr>
            <a:graphicFrameLocks/>
          </p:cNvGraphicFramePr>
          <p:nvPr>
            <p:extLst>
              <p:ext uri="{D42A27DB-BD31-4B8C-83A1-F6EECF244321}">
                <p14:modId xmlns:p14="http://schemas.microsoft.com/office/powerpoint/2010/main" val="2489100406"/>
              </p:ext>
            </p:extLst>
          </p:nvPr>
        </p:nvGraphicFramePr>
        <p:xfrm>
          <a:off x="138819" y="3287832"/>
          <a:ext cx="4419038" cy="1135894"/>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27" name="グラフ 26"/>
          <p:cNvGraphicFramePr>
            <a:graphicFrameLocks/>
          </p:cNvGraphicFramePr>
          <p:nvPr>
            <p:extLst>
              <p:ext uri="{D42A27DB-BD31-4B8C-83A1-F6EECF244321}">
                <p14:modId xmlns:p14="http://schemas.microsoft.com/office/powerpoint/2010/main" val="2597810634"/>
              </p:ext>
            </p:extLst>
          </p:nvPr>
        </p:nvGraphicFramePr>
        <p:xfrm>
          <a:off x="138819" y="4314597"/>
          <a:ext cx="4499180" cy="111126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28" name="グラフ 27"/>
          <p:cNvGraphicFramePr>
            <a:graphicFrameLocks/>
          </p:cNvGraphicFramePr>
          <p:nvPr>
            <p:extLst>
              <p:ext uri="{D42A27DB-BD31-4B8C-83A1-F6EECF244321}">
                <p14:modId xmlns:p14="http://schemas.microsoft.com/office/powerpoint/2010/main" val="3738233894"/>
              </p:ext>
            </p:extLst>
          </p:nvPr>
        </p:nvGraphicFramePr>
        <p:xfrm>
          <a:off x="138819" y="5346460"/>
          <a:ext cx="4568905" cy="1241769"/>
        </p:xfrm>
        <a:graphic>
          <a:graphicData uri="http://schemas.openxmlformats.org/drawingml/2006/chart">
            <c:chart xmlns:c="http://schemas.openxmlformats.org/drawingml/2006/chart" xmlns:r="http://schemas.openxmlformats.org/officeDocument/2006/relationships" r:id="rId10"/>
          </a:graphicData>
        </a:graphic>
      </p:graphicFrame>
      <p:sp>
        <p:nvSpPr>
          <p:cNvPr id="29" name="下矢印吹き出し 28"/>
          <p:cNvSpPr/>
          <p:nvPr/>
        </p:nvSpPr>
        <p:spPr>
          <a:xfrm>
            <a:off x="992056" y="2116121"/>
            <a:ext cx="801369"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a:t>
            </a:r>
            <a:r>
              <a:rPr lang="en-US" altLang="ja-JP" sz="800" dirty="0" smtClean="0">
                <a:solidFill>
                  <a:schemeClr val="tx1"/>
                </a:solidFill>
                <a:latin typeface="+mn-ea"/>
              </a:rPr>
              <a:t>2</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0" name="下矢印吹き出し 29"/>
          <p:cNvSpPr/>
          <p:nvPr/>
        </p:nvSpPr>
        <p:spPr>
          <a:xfrm>
            <a:off x="2196648" y="2131355"/>
            <a:ext cx="834464"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300</a:t>
            </a:r>
            <a:r>
              <a:rPr kumimoji="1" lang="ja-JP" altLang="en-US" sz="800" dirty="0" smtClean="0">
                <a:solidFill>
                  <a:schemeClr val="tx1"/>
                </a:solidFill>
                <a:latin typeface="+mn-ea"/>
              </a:rPr>
              <a:t>～</a:t>
            </a:r>
            <a:r>
              <a:rPr lang="en-US" altLang="ja-JP" sz="800" dirty="0">
                <a:solidFill>
                  <a:schemeClr val="tx1"/>
                </a:solidFill>
                <a:latin typeface="+mn-ea"/>
              </a:rPr>
              <a:t>4</a:t>
            </a:r>
            <a:r>
              <a:rPr kumimoji="1" lang="en-US" altLang="ja-JP" sz="800" dirty="0" smtClean="0">
                <a:solidFill>
                  <a:schemeClr val="tx1"/>
                </a:solidFill>
                <a:latin typeface="+mn-ea"/>
              </a:rPr>
              <a:t>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1" name="下矢印吹き出し 30"/>
          <p:cNvSpPr/>
          <p:nvPr/>
        </p:nvSpPr>
        <p:spPr>
          <a:xfrm>
            <a:off x="3086748" y="2131355"/>
            <a:ext cx="793367"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n-ea"/>
              </a:rPr>
              <a:t>500</a:t>
            </a:r>
            <a:r>
              <a:rPr kumimoji="1" lang="ja-JP" altLang="en-US" sz="800" dirty="0" smtClean="0">
                <a:solidFill>
                  <a:schemeClr val="tx1"/>
                </a:solidFill>
                <a:latin typeface="+mn-ea"/>
              </a:rPr>
              <a:t>～</a:t>
            </a:r>
            <a:r>
              <a:rPr kumimoji="1" lang="en-US" altLang="ja-JP" sz="800" dirty="0" smtClean="0">
                <a:solidFill>
                  <a:schemeClr val="tx1"/>
                </a:solidFill>
                <a:latin typeface="+mn-ea"/>
              </a:rPr>
              <a:t>999</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
        <p:nvSpPr>
          <p:cNvPr id="32" name="下矢印吹き出し 31"/>
          <p:cNvSpPr/>
          <p:nvPr/>
        </p:nvSpPr>
        <p:spPr>
          <a:xfrm>
            <a:off x="3919999" y="2125745"/>
            <a:ext cx="743790" cy="324384"/>
          </a:xfrm>
          <a:prstGeom prst="downArrowCallou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n-ea"/>
              </a:rPr>
              <a:t>1,000</a:t>
            </a:r>
            <a:r>
              <a:rPr kumimoji="1" lang="ja-JP" altLang="en-US" sz="800" dirty="0" smtClean="0">
                <a:solidFill>
                  <a:schemeClr val="tx1"/>
                </a:solidFill>
                <a:latin typeface="+mn-ea"/>
              </a:rPr>
              <a:t>万円～</a:t>
            </a:r>
            <a:endParaRPr kumimoji="1" lang="ja-JP" altLang="en-US" sz="800" dirty="0">
              <a:solidFill>
                <a:schemeClr val="tx1"/>
              </a:solidFill>
              <a:latin typeface="+mn-ea"/>
            </a:endParaRPr>
          </a:p>
        </p:txBody>
      </p:sp>
    </p:spTree>
    <p:extLst>
      <p:ext uri="{BB962C8B-B14F-4D97-AF65-F5344CB8AC3E}">
        <p14:creationId xmlns:p14="http://schemas.microsoft.com/office/powerpoint/2010/main" val="2573115729"/>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表 4"/>
          <p:cNvGraphicFramePr>
            <a:graphicFrameLocks noGrp="1"/>
          </p:cNvGraphicFramePr>
          <p:nvPr>
            <p:extLst/>
          </p:nvPr>
        </p:nvGraphicFramePr>
        <p:xfrm>
          <a:off x="5076056" y="2708921"/>
          <a:ext cx="3600400" cy="3168349"/>
        </p:xfrm>
        <a:graphic>
          <a:graphicData uri="http://schemas.openxmlformats.org/drawingml/2006/table">
            <a:tbl>
              <a:tblPr>
                <a:tableStyleId>{2D5ABB26-0587-4C30-8999-92F81FD0307C}</a:tableStyleId>
              </a:tblPr>
              <a:tblGrid>
                <a:gridCol w="397793">
                  <a:extLst>
                    <a:ext uri="{9D8B030D-6E8A-4147-A177-3AD203B41FA5}">
                      <a16:colId xmlns:a16="http://schemas.microsoft.com/office/drawing/2014/main" val="20000"/>
                    </a:ext>
                  </a:extLst>
                </a:gridCol>
                <a:gridCol w="628233">
                  <a:extLst>
                    <a:ext uri="{9D8B030D-6E8A-4147-A177-3AD203B41FA5}">
                      <a16:colId xmlns:a16="http://schemas.microsoft.com/office/drawing/2014/main" val="20001"/>
                    </a:ext>
                  </a:extLst>
                </a:gridCol>
                <a:gridCol w="1656438">
                  <a:extLst>
                    <a:ext uri="{9D8B030D-6E8A-4147-A177-3AD203B41FA5}">
                      <a16:colId xmlns:a16="http://schemas.microsoft.com/office/drawing/2014/main" val="20002"/>
                    </a:ext>
                  </a:extLst>
                </a:gridCol>
                <a:gridCol w="917936">
                  <a:extLst>
                    <a:ext uri="{9D8B030D-6E8A-4147-A177-3AD203B41FA5}">
                      <a16:colId xmlns:a16="http://schemas.microsoft.com/office/drawing/2014/main" val="20003"/>
                    </a:ext>
                  </a:extLst>
                </a:gridCol>
              </a:tblGrid>
              <a:tr h="347929">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総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hMerge="1">
                  <a:txBody>
                    <a:bodyPr/>
                    <a:lstStyle/>
                    <a:p>
                      <a:endParaRPr kumimoji="1" lang="ja-JP" altLang="en-US"/>
                    </a:p>
                  </a:txBody>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世帯員２人以上の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単身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6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8</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6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4" name="テキスト ボックス 63"/>
          <p:cNvSpPr txBox="1"/>
          <p:nvPr/>
        </p:nvSpPr>
        <p:spPr>
          <a:xfrm>
            <a:off x="107504" y="2265838"/>
            <a:ext cx="432048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216024" y="1969790"/>
            <a:ext cx="8748464"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23534" y="483102"/>
            <a:ext cx="7906021"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統計局「全国消費実態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とりわけ、単身世帯において所得格差が大き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907813" y="2219013"/>
            <a:ext cx="3528392"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帯員状況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6</a:t>
            </a:fld>
            <a:endParaRPr lang="ja-JP" altLang="en-US" dirty="0"/>
          </a:p>
        </p:txBody>
      </p:sp>
      <p:pic>
        <p:nvPicPr>
          <p:cNvPr id="3" name="図 2"/>
          <p:cNvPicPr>
            <a:picLocks noChangeAspect="1"/>
          </p:cNvPicPr>
          <p:nvPr/>
        </p:nvPicPr>
        <p:blipFill>
          <a:blip r:embed="rId2"/>
          <a:stretch>
            <a:fillRect/>
          </a:stretch>
        </p:blipFill>
        <p:spPr>
          <a:xfrm>
            <a:off x="276705" y="2708921"/>
            <a:ext cx="4608975" cy="4115157"/>
          </a:xfrm>
          <a:prstGeom prst="rect">
            <a:avLst/>
          </a:prstGeom>
        </p:spPr>
      </p:pic>
    </p:spTree>
    <p:extLst>
      <p:ext uri="{BB962C8B-B14F-4D97-AF65-F5344CB8AC3E}">
        <p14:creationId xmlns:p14="http://schemas.microsoft.com/office/powerpoint/2010/main" val="1488016315"/>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3026" y="548680"/>
            <a:ext cx="8424936" cy="5904656"/>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健康・医療関連産業の世界的なクラスター</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の集積や新たな拠点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ポテンシャルが高く、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食をはじめ健康に関わる産業も幅広く集積。これらの強みを活かし、更に磨きをかけ、ヘルスケ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含め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そ野の広い産業の創出を図るため重層的に取組みを進めていく必要。</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大阪の強みを活かした先端技術産業の強化とイノベーションの促進</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は第４次産業革命に関連する要素技術を有するものづくり企業が集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をはじめとするエネルギー関連分野の産業集積も進みつつ</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引き続き、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界や大学との連携強化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オープン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実証実験の推進等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市場に打って出る大阪産業・大阪企業への支援</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等により国内市場の縮小が懸念。成長著しいアジア市場の取り込みや経済のグローバル化に対応できる産業基盤の強化を図るため、中小企業等の海外ビジネス展開支援を強力に進めていく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対内投資促進による国際競争力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企業誘致センター（</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外国企業等の誘致件数は伸びている一方、外資系企業の東京一極集中の状況が続いており、本社機能を設置する外資系企業に対する補助金の活用やジェトロ等関係機関と連携しながら積極的な誘致を進めていく必要。ライフサイエンス分野や新エネルギー分野における国際競争力強化に向け、立地支援策の推進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7</a:t>
            </a:fld>
            <a:endParaRPr lang="ja-JP" altLang="en-US" b="1" dirty="0"/>
          </a:p>
        </p:txBody>
      </p:sp>
    </p:spTree>
    <p:extLst>
      <p:ext uri="{BB962C8B-B14F-4D97-AF65-F5344CB8AC3E}">
        <p14:creationId xmlns:p14="http://schemas.microsoft.com/office/powerpoint/2010/main" val="1009783387"/>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424936" cy="3312368"/>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高付加価値な製品を数多く生み出すには、第４次産業革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連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研究者・技術者等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協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研究開発などのプロジェクト創出が重要。</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核とした支援機関のネットワーク強化や大学との連携などにより、ものづくり中小企業の競争力強化を図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環境や技術革新などの急激な変化に対応できる強い産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行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や社会課題の解決につな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を創出するため、金融機関や経済界とのネットワークを更に強化し、資金・経営・技術・人材面でチャレンジする企業を総合的に支援できる仕組みづくりが必要。また、喫緊の課題である事業承継について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個者支援体制の充実に加え、後継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育成や新たな事業展開支援など、幅広い観点で取り組んで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8</a:t>
            </a:fld>
            <a:endParaRPr lang="ja-JP" altLang="en-US" b="1" dirty="0"/>
          </a:p>
        </p:txBody>
      </p:sp>
    </p:spTree>
    <p:extLst>
      <p:ext uri="{BB962C8B-B14F-4D97-AF65-F5344CB8AC3E}">
        <p14:creationId xmlns:p14="http://schemas.microsoft.com/office/powerpoint/2010/main" val="169325620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64704"/>
            <a:ext cx="9073008"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県民経済計算」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1155352"/>
            <a:ext cx="8928992" cy="8334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増加。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rPr>
              <a:t>前年度から横ば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戦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平均すると、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名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1"/>
          <p:cNvGraphicFramePr>
            <a:graphicFrameLocks noGrp="1"/>
          </p:cNvGraphicFramePr>
          <p:nvPr>
            <p:extLst>
              <p:ext uri="{D42A27DB-BD31-4B8C-83A1-F6EECF244321}">
                <p14:modId xmlns:p14="http://schemas.microsoft.com/office/powerpoint/2010/main" val="2407591127"/>
              </p:ext>
            </p:extLst>
          </p:nvPr>
        </p:nvGraphicFramePr>
        <p:xfrm>
          <a:off x="107504" y="2276872"/>
          <a:ext cx="8784978" cy="2068750"/>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98022">
                <a:tc rowSpan="2">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32236">
                <a:tc vMerge="1">
                  <a:txBody>
                    <a:bodyPr/>
                    <a:lstStyle/>
                    <a:p>
                      <a:endParaRPr kumimoji="1" lang="ja-JP" altLang="en-US"/>
                    </a:p>
                  </a:txBody>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6,99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98,11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8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77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9,42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5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00,3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5,0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07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4,04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14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99,83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6,65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2,45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4,37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33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1,29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76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32,63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07,25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08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1,78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41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58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18,23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89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4,52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9,51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4,13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32,98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8022">
                <a:tc>
                  <a:txBody>
                    <a:bodyPr/>
                    <a:lstStyle/>
                    <a:p>
                      <a:pPr algn="ctr" fontAlgn="b"/>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8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5,15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9,39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4,74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536,79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9387160"/>
                  </a:ext>
                </a:extLst>
              </a:tr>
              <a:tr h="198022">
                <a:tc>
                  <a:txBody>
                    <a:bodyPr/>
                    <a:lstStyle/>
                    <a:p>
                      <a:pPr algn="ctr" fontAlgn="b"/>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0,07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6,23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0,3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5,59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47,40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68174306"/>
                  </a:ext>
                </a:extLst>
              </a:tr>
            </a:tbl>
          </a:graphicData>
        </a:graphic>
      </p:graphicFrame>
      <p:sp>
        <p:nvSpPr>
          <p:cNvPr id="11" name="テキスト ボックス 10"/>
          <p:cNvSpPr txBox="1"/>
          <p:nvPr/>
        </p:nvSpPr>
        <p:spPr>
          <a:xfrm>
            <a:off x="107504" y="1988840"/>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437112"/>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graphicFrame>
        <p:nvGraphicFramePr>
          <p:cNvPr id="12" name="表 1"/>
          <p:cNvGraphicFramePr>
            <a:graphicFrameLocks noGrp="1"/>
          </p:cNvGraphicFramePr>
          <p:nvPr>
            <p:extLst>
              <p:ext uri="{D42A27DB-BD31-4B8C-83A1-F6EECF244321}">
                <p14:modId xmlns:p14="http://schemas.microsoft.com/office/powerpoint/2010/main" val="2062495651"/>
              </p:ext>
            </p:extLst>
          </p:nvPr>
        </p:nvGraphicFramePr>
        <p:xfrm>
          <a:off x="112918" y="4720111"/>
          <a:ext cx="8784978" cy="2068750"/>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98022">
                <a:tc rowSpan="2">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32236">
                <a:tc vMerge="1">
                  <a:txBody>
                    <a:bodyPr/>
                    <a:lstStyle/>
                    <a:p>
                      <a:endParaRPr kumimoji="1" lang="ja-JP" altLang="en-US"/>
                    </a:p>
                  </a:txBody>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6,68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97,34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35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31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3,03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57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3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4,99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07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5,28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32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84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6,4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59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499,32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5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2,7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30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78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12,53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36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1,15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08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2,10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10,70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90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3,82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44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24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17,42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8022">
                <a:tc>
                  <a:txBody>
                    <a:bodyPr/>
                    <a:lstStyle/>
                    <a:p>
                      <a:pPr algn="ctr" fontAlgn="b"/>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88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4,5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2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7,55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3,88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21,979</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9387160"/>
                  </a:ext>
                </a:extLst>
              </a:tr>
              <a:tr h="198022">
                <a:tc>
                  <a:txBody>
                    <a:bodyPr/>
                    <a:lstStyle/>
                    <a:p>
                      <a:pPr marL="0" marR="0" lvl="0" indent="0" algn="ctr" defTabSz="914400" rtl="0" eaLnBrk="1" fontAlgn="b" latinLnBrk="0" hangingPunct="1">
                        <a:lnSpc>
                          <a:spcPct val="100000"/>
                        </a:lnSpc>
                        <a:spcBef>
                          <a:spcPts val="0"/>
                        </a:spcBef>
                        <a:spcAft>
                          <a:spcPts val="0"/>
                        </a:spcAft>
                        <a:buClrTx/>
                        <a:buSzTx/>
                        <a:buFontTx/>
                        <a:buNone/>
                        <a:tabLst/>
                        <a:defRPr/>
                      </a:pP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97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05,377</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19.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8,62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34,63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rPr>
                        <a:t>531,67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68174306"/>
                  </a:ext>
                </a:extLst>
              </a:tr>
            </a:tbl>
          </a:graphicData>
        </a:graphic>
      </p:graphicFrame>
    </p:spTree>
    <p:extLst>
      <p:ext uri="{BB962C8B-B14F-4D97-AF65-F5344CB8AC3E}">
        <p14:creationId xmlns:p14="http://schemas.microsoft.com/office/powerpoint/2010/main" val="1686800592"/>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1287483504"/>
              </p:ext>
            </p:extLst>
          </p:nvPr>
        </p:nvGraphicFramePr>
        <p:xfrm>
          <a:off x="120837" y="2054027"/>
          <a:ext cx="8928988" cy="4567875"/>
        </p:xfrm>
        <a:graphic>
          <a:graphicData uri="http://schemas.openxmlformats.org/drawingml/2006/table">
            <a:tbl>
              <a:tblPr firstRow="1" bandRow="1">
                <a:tableStyleId>{5940675A-B579-460E-94D1-54222C63F5DA}</a:tableStyleId>
              </a:tblPr>
              <a:tblGrid>
                <a:gridCol w="450688">
                  <a:extLst>
                    <a:ext uri="{9D8B030D-6E8A-4147-A177-3AD203B41FA5}">
                      <a16:colId xmlns:a16="http://schemas.microsoft.com/office/drawing/2014/main" val="20000"/>
                    </a:ext>
                  </a:extLst>
                </a:gridCol>
                <a:gridCol w="450688">
                  <a:extLst>
                    <a:ext uri="{9D8B030D-6E8A-4147-A177-3AD203B41FA5}">
                      <a16:colId xmlns:a16="http://schemas.microsoft.com/office/drawing/2014/main" val="20001"/>
                    </a:ext>
                  </a:extLst>
                </a:gridCol>
                <a:gridCol w="646805">
                  <a:extLst>
                    <a:ext uri="{9D8B030D-6E8A-4147-A177-3AD203B41FA5}">
                      <a16:colId xmlns:a16="http://schemas.microsoft.com/office/drawing/2014/main" val="20002"/>
                    </a:ext>
                  </a:extLst>
                </a:gridCol>
                <a:gridCol w="681200">
                  <a:extLst>
                    <a:ext uri="{9D8B030D-6E8A-4147-A177-3AD203B41FA5}">
                      <a16:colId xmlns:a16="http://schemas.microsoft.com/office/drawing/2014/main" val="20003"/>
                    </a:ext>
                  </a:extLst>
                </a:gridCol>
                <a:gridCol w="681200">
                  <a:extLst>
                    <a:ext uri="{9D8B030D-6E8A-4147-A177-3AD203B41FA5}">
                      <a16:colId xmlns:a16="http://schemas.microsoft.com/office/drawing/2014/main" val="20004"/>
                    </a:ext>
                  </a:extLst>
                </a:gridCol>
                <a:gridCol w="681200">
                  <a:extLst>
                    <a:ext uri="{9D8B030D-6E8A-4147-A177-3AD203B41FA5}">
                      <a16:colId xmlns:a16="http://schemas.microsoft.com/office/drawing/2014/main" val="20005"/>
                    </a:ext>
                  </a:extLst>
                </a:gridCol>
                <a:gridCol w="681200">
                  <a:extLst>
                    <a:ext uri="{9D8B030D-6E8A-4147-A177-3AD203B41FA5}">
                      <a16:colId xmlns:a16="http://schemas.microsoft.com/office/drawing/2014/main" val="20006"/>
                    </a:ext>
                  </a:extLst>
                </a:gridCol>
                <a:gridCol w="681200">
                  <a:extLst>
                    <a:ext uri="{9D8B030D-6E8A-4147-A177-3AD203B41FA5}">
                      <a16:colId xmlns:a16="http://schemas.microsoft.com/office/drawing/2014/main" val="20007"/>
                    </a:ext>
                  </a:extLst>
                </a:gridCol>
                <a:gridCol w="681200">
                  <a:extLst>
                    <a:ext uri="{9D8B030D-6E8A-4147-A177-3AD203B41FA5}">
                      <a16:colId xmlns:a16="http://schemas.microsoft.com/office/drawing/2014/main" val="20008"/>
                    </a:ext>
                  </a:extLst>
                </a:gridCol>
                <a:gridCol w="681200">
                  <a:extLst>
                    <a:ext uri="{9D8B030D-6E8A-4147-A177-3AD203B41FA5}">
                      <a16:colId xmlns:a16="http://schemas.microsoft.com/office/drawing/2014/main" val="20009"/>
                    </a:ext>
                  </a:extLst>
                </a:gridCol>
                <a:gridCol w="681200">
                  <a:extLst>
                    <a:ext uri="{9D8B030D-6E8A-4147-A177-3AD203B41FA5}">
                      <a16:colId xmlns:a16="http://schemas.microsoft.com/office/drawing/2014/main" val="3757471405"/>
                    </a:ext>
                  </a:extLst>
                </a:gridCol>
                <a:gridCol w="681200">
                  <a:extLst>
                    <a:ext uri="{9D8B030D-6E8A-4147-A177-3AD203B41FA5}">
                      <a16:colId xmlns:a16="http://schemas.microsoft.com/office/drawing/2014/main" val="405986888"/>
                    </a:ext>
                  </a:extLst>
                </a:gridCol>
                <a:gridCol w="1250007">
                  <a:extLst>
                    <a:ext uri="{9D8B030D-6E8A-4147-A177-3AD203B41FA5}">
                      <a16:colId xmlns:a16="http://schemas.microsoft.com/office/drawing/2014/main" val="20010"/>
                    </a:ext>
                  </a:extLst>
                </a:gridCol>
              </a:tblGrid>
              <a:tr h="583609">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11886">
                <a:tc grid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願件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9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04</a:t>
                      </a:r>
                      <a:r>
                        <a:rPr kumimoji="1" lang="ja-JP" altLang="en-US"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778</a:t>
                      </a:r>
                      <a:r>
                        <a:rPr kumimoji="1" lang="ja-JP" altLang="en-US" sz="9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484</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97200">
                <a:tc row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2</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68</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47</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9720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7</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76</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20</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97200">
                <a:tc row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6</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9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5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5,615</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及び</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センサス活動調査</a:t>
                      </a:r>
                      <a:r>
                        <a:rPr kumimoji="1" lang="ja-JP" altLang="en-US"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告</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調査報告においては、医薬品製剤製造業は公表されていません。</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79626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0</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1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60</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vMerge="1">
                  <a:txBody>
                    <a:bodyPr/>
                    <a:lstStyle/>
                    <a:p>
                      <a:endParaRPr kumimoji="1" lang="ja-JP" altLang="en-US"/>
                    </a:p>
                  </a:txBody>
                  <a:tcPr/>
                </a:tc>
                <a:extLst>
                  <a:ext uri="{0D108BD9-81ED-4DB2-BD59-A6C34878D82A}">
                    <a16:rowId xmlns:a16="http://schemas.microsoft.com/office/drawing/2014/main" val="10005"/>
                  </a:ext>
                </a:extLst>
              </a:tr>
              <a:tr h="770417">
                <a:tc grid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tab pos="0"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p>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29</a:t>
                      </a:r>
                    </a:p>
                    <a:p>
                      <a:pPr marL="0" indent="0" algn="ctr">
                        <a:tabLst>
                          <a:tab pos="92075" algn="l"/>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463</a:t>
                      </a:r>
                    </a:p>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460</a:t>
                      </a:r>
                    </a:p>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事業月報・年報」雇用保険関係新規成立事業者数</a:t>
                      </a:r>
                    </a:p>
                  </a:txBody>
                  <a:tcPr anchor="ctr"/>
                </a:tc>
                <a:extLst>
                  <a:ext uri="{0D108BD9-81ED-4DB2-BD59-A6C34878D82A}">
                    <a16:rowId xmlns:a16="http://schemas.microsoft.com/office/drawing/2014/main" val="10006"/>
                  </a:ext>
                </a:extLst>
              </a:tr>
            </a:tbl>
          </a:graphicData>
        </a:graphic>
      </p:graphicFrame>
      <p:sp>
        <p:nvSpPr>
          <p:cNvPr id="7" name="正方形/長方形 4"/>
          <p:cNvSpPr>
            <a:spLocks noChangeArrowheads="1"/>
          </p:cNvSpPr>
          <p:nvPr/>
        </p:nvSpPr>
        <p:spPr bwMode="auto">
          <a:xfrm>
            <a:off x="99542" y="54791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92875"/>
            <a:ext cx="2133600" cy="365125"/>
          </a:xfrm>
        </p:spPr>
        <p:txBody>
          <a:bodyPr/>
          <a:lstStyle/>
          <a:p>
            <a:pPr>
              <a:defRPr/>
            </a:pPr>
            <a:fld id="{4AC9B83D-17C3-4F2E-B0BA-D155CD364A7C}" type="slidenum">
              <a:rPr lang="ja-JP" altLang="en-US" smtClean="0"/>
              <a:pPr>
                <a:defRPr/>
              </a:pPr>
              <a:t>69</a:t>
            </a:fld>
            <a:endParaRPr lang="ja-JP" altLang="en-US" dirty="0"/>
          </a:p>
        </p:txBody>
      </p:sp>
      <p:sp>
        <p:nvSpPr>
          <p:cNvPr id="10" name="正方形/長方形 9"/>
          <p:cNvSpPr/>
          <p:nvPr/>
        </p:nvSpPr>
        <p:spPr>
          <a:xfrm>
            <a:off x="120835" y="908720"/>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8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貿易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ともに前年度比減少（輸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製造品出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製造業全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53053175"/>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20835" y="542926"/>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府の医薬品産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1052736"/>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薬品生産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昨年から減少したものの、成長戦略策定時と比較すると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造所数をみると、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都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集積状況となっ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埼玉県や富山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静岡県等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小さく、中小規模の製造所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365623" y="2113111"/>
            <a:ext cx="426180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6512" y="2375302"/>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2"/>
          <p:cNvGraphicFramePr>
            <a:graphicFrameLocks noGrp="1"/>
          </p:cNvGraphicFramePr>
          <p:nvPr>
            <p:extLst>
              <p:ext uri="{D42A27DB-BD31-4B8C-83A1-F6EECF244321}">
                <p14:modId xmlns:p14="http://schemas.microsoft.com/office/powerpoint/2010/main" val="3627559647"/>
              </p:ext>
            </p:extLst>
          </p:nvPr>
        </p:nvGraphicFramePr>
        <p:xfrm>
          <a:off x="4427984" y="2420888"/>
          <a:ext cx="4086707" cy="1224138"/>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3"/>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204023">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2" name="テキスト ボックス 21"/>
          <p:cNvSpPr txBox="1"/>
          <p:nvPr/>
        </p:nvSpPr>
        <p:spPr>
          <a:xfrm>
            <a:off x="24697" y="2105774"/>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薬品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372340" y="3717032"/>
            <a:ext cx="48081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製造所数・従業者数（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882211272"/>
              </p:ext>
            </p:extLst>
          </p:nvPr>
        </p:nvGraphicFramePr>
        <p:xfrm>
          <a:off x="4427984" y="4005064"/>
          <a:ext cx="4500503" cy="2597605"/>
        </p:xfrm>
        <a:graphic>
          <a:graphicData uri="http://schemas.openxmlformats.org/drawingml/2006/table">
            <a:tbl>
              <a:tblPr>
                <a:tableStyleId>{BC89EF96-8CEA-46FF-86C4-4CE0E7609802}</a:tableStyleId>
              </a:tblPr>
              <a:tblGrid>
                <a:gridCol w="360040">
                  <a:extLst>
                    <a:ext uri="{9D8B030D-6E8A-4147-A177-3AD203B41FA5}">
                      <a16:colId xmlns:a16="http://schemas.microsoft.com/office/drawing/2014/main" val="20000"/>
                    </a:ext>
                  </a:extLst>
                </a:gridCol>
                <a:gridCol w="936104">
                  <a:extLst>
                    <a:ext uri="{9D8B030D-6E8A-4147-A177-3AD203B41FA5}">
                      <a16:colId xmlns:a16="http://schemas.microsoft.com/office/drawing/2014/main" val="20001"/>
                    </a:ext>
                  </a:extLst>
                </a:gridCol>
                <a:gridCol w="864096">
                  <a:extLst>
                    <a:ext uri="{9D8B030D-6E8A-4147-A177-3AD203B41FA5}">
                      <a16:colId xmlns:a16="http://schemas.microsoft.com/office/drawing/2014/main" val="20002"/>
                    </a:ext>
                  </a:extLst>
                </a:gridCol>
                <a:gridCol w="1039141">
                  <a:extLst>
                    <a:ext uri="{9D8B030D-6E8A-4147-A177-3AD203B41FA5}">
                      <a16:colId xmlns:a16="http://schemas.microsoft.com/office/drawing/2014/main" val="20003"/>
                    </a:ext>
                  </a:extLst>
                </a:gridCol>
                <a:gridCol w="1301122">
                  <a:extLst>
                    <a:ext uri="{9D8B030D-6E8A-4147-A177-3AD203B41FA5}">
                      <a16:colId xmlns:a16="http://schemas.microsoft.com/office/drawing/2014/main" val="20004"/>
                    </a:ext>
                  </a:extLst>
                </a:gridCol>
              </a:tblGrid>
              <a:tr h="297956">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たりの</a:t>
                      </a:r>
                      <a:b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3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22232">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2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0.2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222232">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1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graphicFrame>
        <p:nvGraphicFramePr>
          <p:cNvPr id="4" name="オブジェクト 3"/>
          <p:cNvGraphicFramePr>
            <a:graphicFrameLocks noChangeAspect="1"/>
          </p:cNvGraphicFramePr>
          <p:nvPr>
            <p:extLst/>
          </p:nvPr>
        </p:nvGraphicFramePr>
        <p:xfrm>
          <a:off x="120835" y="2611071"/>
          <a:ext cx="4194414" cy="3991598"/>
        </p:xfrm>
        <a:graphic>
          <a:graphicData uri="http://schemas.openxmlformats.org/presentationml/2006/ole">
            <mc:AlternateContent xmlns:mc="http://schemas.openxmlformats.org/markup-compatibility/2006">
              <mc:Choice xmlns:v="urn:schemas-microsoft-com:vml" Requires="v">
                <p:oleObj spid="_x0000_s1325" name="ワークシート" r:id="rId4" imgW="4552768" imgH="2933661" progId="Excel.Sheet.8">
                  <p:embed/>
                </p:oleObj>
              </mc:Choice>
              <mc:Fallback>
                <p:oleObj name="ワークシート" r:id="rId4" imgW="4552768" imgH="2933661" progId="Excel.Sheet.8">
                  <p:embed/>
                  <p:pic>
                    <p:nvPicPr>
                      <p:cNvPr id="4" name="オブジェクト 3"/>
                      <p:cNvPicPr/>
                      <p:nvPr/>
                    </p:nvPicPr>
                    <p:blipFill>
                      <a:blip r:embed="rId5"/>
                      <a:stretch>
                        <a:fillRect/>
                      </a:stretch>
                    </p:blipFill>
                    <p:spPr>
                      <a:xfrm>
                        <a:off x="120835" y="2611071"/>
                        <a:ext cx="4194414" cy="3991598"/>
                      </a:xfrm>
                      <a:prstGeom prst="rect">
                        <a:avLst/>
                      </a:prstGeom>
                    </p:spPr>
                  </p:pic>
                </p:oleObj>
              </mc:Fallback>
            </mc:AlternateContent>
          </a:graphicData>
        </a:graphic>
      </p:graphicFrame>
    </p:spTree>
    <p:extLst>
      <p:ext uri="{BB962C8B-B14F-4D97-AF65-F5344CB8AC3E}">
        <p14:creationId xmlns:p14="http://schemas.microsoft.com/office/powerpoint/2010/main" val="3803435057"/>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20835" y="482945"/>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939784"/>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療機器生産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大きく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以上の医療用機器・医療用品製造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っている。</a:t>
            </a: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486661" y="1985072"/>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4180795046"/>
              </p:ext>
            </p:extLst>
          </p:nvPr>
        </p:nvGraphicFramePr>
        <p:xfrm>
          <a:off x="4774692" y="228675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8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499992" y="4090722"/>
            <a:ext cx="4644008"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器・医療用品製造業の事業所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3615433421"/>
              </p:ext>
            </p:extLst>
          </p:nvPr>
        </p:nvGraphicFramePr>
        <p:xfrm>
          <a:off x="4788024" y="4581130"/>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sp>
        <p:nvSpPr>
          <p:cNvPr id="4" name="正方形/長方形 3"/>
          <p:cNvSpPr/>
          <p:nvPr/>
        </p:nvSpPr>
        <p:spPr>
          <a:xfrm>
            <a:off x="4540598" y="6178952"/>
            <a:ext cx="4572000" cy="646331"/>
          </a:xfrm>
          <a:prstGeom prst="rect">
            <a:avLst/>
          </a:prstGeom>
        </p:spPr>
        <p:txBody>
          <a:bodyPr>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経済産業省</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900" dirty="0" smtClean="0">
                <a:latin typeface="Meiryo UI" panose="020B0604030504040204" pitchFamily="50" charset="-128"/>
                <a:ea typeface="Meiryo UI" panose="020B0604030504040204" pitchFamily="50" charset="-128"/>
                <a:cs typeface="Meiryo UI" panose="020B0604030504040204" pitchFamily="50" charset="-128"/>
              </a:rPr>
              <a:t>工業</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品製造業」「医療・衛星用ゴム製品製造業」の事業所数を合算。</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オブジェクト 4"/>
          <p:cNvGraphicFramePr>
            <a:graphicFrameLocks noChangeAspect="1"/>
          </p:cNvGraphicFramePr>
          <p:nvPr>
            <p:extLst/>
          </p:nvPr>
        </p:nvGraphicFramePr>
        <p:xfrm>
          <a:off x="120835" y="2543785"/>
          <a:ext cx="4419763" cy="3635167"/>
        </p:xfrm>
        <a:graphic>
          <a:graphicData uri="http://schemas.openxmlformats.org/presentationml/2006/ole">
            <mc:AlternateContent xmlns:mc="http://schemas.openxmlformats.org/markup-compatibility/2006">
              <mc:Choice xmlns:v="urn:schemas-microsoft-com:vml" Requires="v">
                <p:oleObj spid="_x0000_s2350" name="ワークシート" r:id="rId4" imgW="4552768" imgH="2943136" progId="Excel.Sheet.8">
                  <p:embed/>
                </p:oleObj>
              </mc:Choice>
              <mc:Fallback>
                <p:oleObj name="ワークシート" r:id="rId4" imgW="4552768" imgH="2943136" progId="Excel.Sheet.8">
                  <p:embed/>
                  <p:pic>
                    <p:nvPicPr>
                      <p:cNvPr id="5" name="オブジェクト 4"/>
                      <p:cNvPicPr/>
                      <p:nvPr/>
                    </p:nvPicPr>
                    <p:blipFill>
                      <a:blip r:embed="rId5"/>
                      <a:stretch>
                        <a:fillRect/>
                      </a:stretch>
                    </p:blipFill>
                    <p:spPr>
                      <a:xfrm>
                        <a:off x="120835" y="2543785"/>
                        <a:ext cx="4419763" cy="3635167"/>
                      </a:xfrm>
                      <a:prstGeom prst="rect">
                        <a:avLst/>
                      </a:prstGeom>
                    </p:spPr>
                  </p:pic>
                </p:oleObj>
              </mc:Fallback>
            </mc:AlternateContent>
          </a:graphicData>
        </a:graphic>
      </p:graphicFrame>
    </p:spTree>
    <p:extLst>
      <p:ext uri="{BB962C8B-B14F-4D97-AF65-F5344CB8AC3E}">
        <p14:creationId xmlns:p14="http://schemas.microsoft.com/office/powerpoint/2010/main" val="4259910511"/>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2332335978"/>
              </p:ext>
            </p:extLst>
          </p:nvPr>
        </p:nvGraphicFramePr>
        <p:xfrm>
          <a:off x="0" y="2758425"/>
          <a:ext cx="3995936" cy="4176746"/>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71501" y="476672"/>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関連産業の動向（全国）</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33981"/>
            <a:ext cx="8928992" cy="11988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幅広い産業で構成される健康関連産業につ</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表的な動向として「栄養補助食品（錠剤、カプセル等の形状のもの）」の出荷額と産出事業所数、「フィットネスクラブ産業」の売上高と延べ利用者数の全国の値をみると、それぞれ増加傾向にあり、今後の健康関連産業の市場拡大が期待さ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2289066"/>
            <a:ext cx="4824536"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経済産業省「工業統計（品目編）」　より</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作成</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355975" y="2289066"/>
            <a:ext cx="4644517" cy="469359"/>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特定サービス産業実態調査」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2</a:t>
            </a:fld>
            <a:endParaRPr lang="ja-JP" altLang="en-US" b="1" dirty="0"/>
          </a:p>
        </p:txBody>
      </p:sp>
      <p:sp>
        <p:nvSpPr>
          <p:cNvPr id="15" name="テキスト ボックス 14"/>
          <p:cNvSpPr txBox="1"/>
          <p:nvPr/>
        </p:nvSpPr>
        <p:spPr>
          <a:xfrm>
            <a:off x="62922" y="3021557"/>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407003" y="3021557"/>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275379" y="2900771"/>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グラフ 21"/>
          <p:cNvGraphicFramePr>
            <a:graphicFrameLocks/>
          </p:cNvGraphicFramePr>
          <p:nvPr>
            <p:extLst>
              <p:ext uri="{D42A27DB-BD31-4B8C-83A1-F6EECF244321}">
                <p14:modId xmlns:p14="http://schemas.microsoft.com/office/powerpoint/2010/main" val="1208047040"/>
              </p:ext>
            </p:extLst>
          </p:nvPr>
        </p:nvGraphicFramePr>
        <p:xfrm>
          <a:off x="4278935" y="2789710"/>
          <a:ext cx="4721557" cy="4068290"/>
        </p:xfrm>
        <a:graphic>
          <a:graphicData uri="http://schemas.openxmlformats.org/drawingml/2006/chart">
            <c:chart xmlns:c="http://schemas.openxmlformats.org/drawingml/2006/chart" xmlns:r="http://schemas.openxmlformats.org/officeDocument/2006/relationships" r:id="rId4"/>
          </a:graphicData>
        </a:graphic>
      </p:graphicFrame>
      <p:sp>
        <p:nvSpPr>
          <p:cNvPr id="14" name="テキスト ボックス 13"/>
          <p:cNvSpPr txBox="1"/>
          <p:nvPr/>
        </p:nvSpPr>
        <p:spPr>
          <a:xfrm>
            <a:off x="8436205" y="2889230"/>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01288181"/>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1501" y="409746"/>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健康関連事業に対する取組み意識（府内企業）</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99892"/>
            <a:ext cx="8928992" cy="10609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へのアンケートでは、健康志向食品やソフトウェア・アプリ、飲食関連などを中心に、健康関連事業への関心が高い傾向が見られる。一方で、健康関連事業を実際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企業はまだまだ少な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で見ると、既存事業内容と関連の深い事業への関心が高いことが分か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6165304"/>
            <a:ext cx="8856984" cy="707886"/>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アンケート</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施期間</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対象</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料品製造業、清涼飲料製造業、酒類製造業、茶・コーヒー製造業、外衣・シャツ製造業、下着類製造業、和装製品・その他の衣服・繊維製身の回り品製造業、その他の繊維製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医薬品製造業、医薬品製造業</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計量器・測定器・分析機器・試験機・測量機械器具・理化学機械器具製造業、医療用機械器具・医療用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運動用具製造業、ソフトウェア業で、大阪府内に本社を置く民営企業のうち、常用雇用者</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以上の規模の企業。（有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回答数</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56 </a:t>
            </a:r>
            <a:r>
              <a:rPr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有効回答率は</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8.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20056" y="206084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への取組み（予定）</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07504" y="4417367"/>
            <a:ext cx="9036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業種別、健康関連事業への取組み（予定）</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実施している」「実施準備中である」「関心がある」の合計）</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27"/>
          <p:cNvGraphicFramePr>
            <a:graphicFrameLocks noGrp="1"/>
          </p:cNvGraphicFramePr>
          <p:nvPr>
            <p:extLst/>
          </p:nvPr>
        </p:nvGraphicFramePr>
        <p:xfrm>
          <a:off x="71501" y="4671784"/>
          <a:ext cx="9018234" cy="1493520"/>
        </p:xfrm>
        <a:graphic>
          <a:graphicData uri="http://schemas.openxmlformats.org/drawingml/2006/table">
            <a:tbl>
              <a:tblPr firstRow="1" bandRow="1">
                <a:tableStyleId>{5C22544A-7EE6-4342-B048-85BDC9FD1C3A}</a:tableStyleId>
              </a:tblPr>
              <a:tblGrid>
                <a:gridCol w="1116123">
                  <a:extLst>
                    <a:ext uri="{9D8B030D-6E8A-4147-A177-3AD203B41FA5}">
                      <a16:colId xmlns:a16="http://schemas.microsoft.com/office/drawing/2014/main" val="20000"/>
                    </a:ext>
                  </a:extLst>
                </a:gridCol>
                <a:gridCol w="710355">
                  <a:extLst>
                    <a:ext uri="{9D8B030D-6E8A-4147-A177-3AD203B41FA5}">
                      <a16:colId xmlns:a16="http://schemas.microsoft.com/office/drawing/2014/main" val="20001"/>
                    </a:ext>
                  </a:extLst>
                </a:gridCol>
                <a:gridCol w="799084">
                  <a:extLst>
                    <a:ext uri="{9D8B030D-6E8A-4147-A177-3AD203B41FA5}">
                      <a16:colId xmlns:a16="http://schemas.microsoft.com/office/drawing/2014/main" val="20002"/>
                    </a:ext>
                  </a:extLst>
                </a:gridCol>
                <a:gridCol w="799084">
                  <a:extLst>
                    <a:ext uri="{9D8B030D-6E8A-4147-A177-3AD203B41FA5}">
                      <a16:colId xmlns:a16="http://schemas.microsoft.com/office/drawing/2014/main" val="20003"/>
                    </a:ext>
                  </a:extLst>
                </a:gridCol>
                <a:gridCol w="799084">
                  <a:extLst>
                    <a:ext uri="{9D8B030D-6E8A-4147-A177-3AD203B41FA5}">
                      <a16:colId xmlns:a16="http://schemas.microsoft.com/office/drawing/2014/main" val="20004"/>
                    </a:ext>
                  </a:extLst>
                </a:gridCol>
                <a:gridCol w="708817">
                  <a:extLst>
                    <a:ext uri="{9D8B030D-6E8A-4147-A177-3AD203B41FA5}">
                      <a16:colId xmlns:a16="http://schemas.microsoft.com/office/drawing/2014/main" val="20005"/>
                    </a:ext>
                  </a:extLst>
                </a:gridCol>
                <a:gridCol w="889351">
                  <a:extLst>
                    <a:ext uri="{9D8B030D-6E8A-4147-A177-3AD203B41FA5}">
                      <a16:colId xmlns:a16="http://schemas.microsoft.com/office/drawing/2014/main" val="20006"/>
                    </a:ext>
                  </a:extLst>
                </a:gridCol>
                <a:gridCol w="799084">
                  <a:extLst>
                    <a:ext uri="{9D8B030D-6E8A-4147-A177-3AD203B41FA5}">
                      <a16:colId xmlns:a16="http://schemas.microsoft.com/office/drawing/2014/main" val="20007"/>
                    </a:ext>
                  </a:extLst>
                </a:gridCol>
                <a:gridCol w="799084">
                  <a:extLst>
                    <a:ext uri="{9D8B030D-6E8A-4147-A177-3AD203B41FA5}">
                      <a16:colId xmlns:a16="http://schemas.microsoft.com/office/drawing/2014/main" val="20008"/>
                    </a:ext>
                  </a:extLst>
                </a:gridCol>
                <a:gridCol w="799084">
                  <a:extLst>
                    <a:ext uri="{9D8B030D-6E8A-4147-A177-3AD203B41FA5}">
                      <a16:colId xmlns:a16="http://schemas.microsoft.com/office/drawing/2014/main" val="20009"/>
                    </a:ext>
                  </a:extLst>
                </a:gridCol>
                <a:gridCol w="799084">
                  <a:extLst>
                    <a:ext uri="{9D8B030D-6E8A-4147-A177-3AD203B41FA5}">
                      <a16:colId xmlns:a16="http://schemas.microsoft.com/office/drawing/2014/main" val="20010"/>
                    </a:ext>
                  </a:extLst>
                </a:gridCol>
              </a:tblGrid>
              <a:tr h="304175">
                <a:tc>
                  <a:txBody>
                    <a:bodyPr/>
                    <a:lstStyle/>
                    <a:p>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志向</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食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データ測定</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器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衣料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寝具</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雑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フィットネス・</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トレーニング機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スポーツ・</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運動事業</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飲食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ソフトウェア・</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アプリ</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料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3.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6%</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繊維工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9.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医薬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動用具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1.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3%</a:t>
                      </a:r>
                    </a:p>
                  </a:txBody>
                  <a:tcPr anchor="ctr">
                    <a:solidFill>
                      <a:schemeClr val="accent1">
                        <a:lumMod val="20000"/>
                        <a:lumOff val="80000"/>
                      </a:schemeClr>
                    </a:solidFill>
                  </a:tcPr>
                </a:tc>
                <a:extLst>
                  <a:ext uri="{0D108BD9-81ED-4DB2-BD59-A6C34878D82A}">
                    <a16:rowId xmlns:a16="http://schemas.microsoft.com/office/drawing/2014/main" val="10003"/>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ソフトウェア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2.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3</a:t>
            </a:fld>
            <a:endParaRPr lang="ja-JP" altLang="en-US" b="1" dirty="0"/>
          </a:p>
        </p:txBody>
      </p:sp>
      <p:sp>
        <p:nvSpPr>
          <p:cNvPr id="12" name="円/楕円 11"/>
          <p:cNvSpPr/>
          <p:nvPr/>
        </p:nvSpPr>
        <p:spPr>
          <a:xfrm>
            <a:off x="2724324" y="53560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円/楕円 14"/>
          <p:cNvSpPr/>
          <p:nvPr/>
        </p:nvSpPr>
        <p:spPr>
          <a:xfrm>
            <a:off x="3533304" y="53687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0" name="円/楕円 19"/>
          <p:cNvSpPr/>
          <p:nvPr/>
        </p:nvSpPr>
        <p:spPr>
          <a:xfrm>
            <a:off x="4281488" y="53591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1" name="円/楕円 20"/>
          <p:cNvSpPr/>
          <p:nvPr/>
        </p:nvSpPr>
        <p:spPr>
          <a:xfrm>
            <a:off x="6732240" y="5063728"/>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2" name="円/楕円 21"/>
          <p:cNvSpPr/>
          <p:nvPr/>
        </p:nvSpPr>
        <p:spPr>
          <a:xfrm>
            <a:off x="7541220" y="59460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3" name="円/楕円 22"/>
          <p:cNvSpPr/>
          <p:nvPr/>
        </p:nvSpPr>
        <p:spPr>
          <a:xfrm>
            <a:off x="3533304" y="56450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4" name="円/楕円 23"/>
          <p:cNvSpPr/>
          <p:nvPr/>
        </p:nvSpPr>
        <p:spPr>
          <a:xfrm>
            <a:off x="1941464" y="594930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円/楕円 24"/>
          <p:cNvSpPr/>
          <p:nvPr/>
        </p:nvSpPr>
        <p:spPr>
          <a:xfrm>
            <a:off x="1181548" y="50636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4" name="図 3"/>
          <p:cNvPicPr>
            <a:picLocks noChangeAspect="1"/>
          </p:cNvPicPr>
          <p:nvPr/>
        </p:nvPicPr>
        <p:blipFill>
          <a:blip r:embed="rId3"/>
          <a:stretch>
            <a:fillRect/>
          </a:stretch>
        </p:blipFill>
        <p:spPr>
          <a:xfrm>
            <a:off x="187109" y="2073936"/>
            <a:ext cx="9004572" cy="2511770"/>
          </a:xfrm>
          <a:prstGeom prst="rect">
            <a:avLst/>
          </a:prstGeom>
        </p:spPr>
      </p:pic>
    </p:spTree>
    <p:extLst>
      <p:ext uri="{BB962C8B-B14F-4D97-AF65-F5344CB8AC3E}">
        <p14:creationId xmlns:p14="http://schemas.microsoft.com/office/powerpoint/2010/main" val="649731544"/>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1501" y="56986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健康関連事業の課題（府内企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340767"/>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うち、健康関連事業に関心のある企業へのアンケートでは、販路の開拓や事業ノウハウの習得、コスト対応、品質・安全性への対応、製造技術の確立などが課題となっていることが明らか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5001" y="2533451"/>
            <a:ext cx="3500895"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の課題</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4</a:t>
            </a:fld>
            <a:endParaRPr lang="ja-JP" altLang="en-US" b="1" dirty="0"/>
          </a:p>
        </p:txBody>
      </p:sp>
      <p:pic>
        <p:nvPicPr>
          <p:cNvPr id="3" name="図 2"/>
          <p:cNvPicPr>
            <a:picLocks noChangeAspect="1"/>
          </p:cNvPicPr>
          <p:nvPr/>
        </p:nvPicPr>
        <p:blipFill>
          <a:blip r:embed="rId3"/>
          <a:stretch>
            <a:fillRect/>
          </a:stretch>
        </p:blipFill>
        <p:spPr>
          <a:xfrm>
            <a:off x="71501" y="2975310"/>
            <a:ext cx="8748518" cy="3694496"/>
          </a:xfrm>
          <a:prstGeom prst="rect">
            <a:avLst/>
          </a:prstGeom>
        </p:spPr>
      </p:pic>
    </p:spTree>
    <p:extLst>
      <p:ext uri="{BB962C8B-B14F-4D97-AF65-F5344CB8AC3E}">
        <p14:creationId xmlns:p14="http://schemas.microsoft.com/office/powerpoint/2010/main" val="2926636396"/>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1501" y="487615"/>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健康関連</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産業に進出が予想される製造業の都道府県別集積数</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経済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266332" y="4038880"/>
          <a:ext cx="8784976" cy="2535473"/>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北海道</a:t>
                      </a: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沖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新潟</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山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三重</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333355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53632" y="609332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477371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円/楕円 18"/>
          <p:cNvSpPr/>
          <p:nvPr/>
        </p:nvSpPr>
        <p:spPr>
          <a:xfrm>
            <a:off x="5493792"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6219815"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8363603"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3"/>
          <a:stretch>
            <a:fillRect/>
          </a:stretch>
        </p:blipFill>
        <p:spPr>
          <a:xfrm>
            <a:off x="-36512" y="1864032"/>
            <a:ext cx="9345978" cy="2213040"/>
          </a:xfrm>
          <a:prstGeom prst="rect">
            <a:avLst/>
          </a:prstGeom>
        </p:spPr>
      </p:pic>
    </p:spTree>
    <p:extLst>
      <p:ext uri="{BB962C8B-B14F-4D97-AF65-F5344CB8AC3E}">
        <p14:creationId xmlns:p14="http://schemas.microsoft.com/office/powerpoint/2010/main" val="1904273618"/>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71501" y="493006"/>
            <a:ext cx="871296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完成時期</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施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務内容、機能な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6258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電磁環境試験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血液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総合研究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569097">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6</a:t>
            </a:fld>
            <a:endParaRPr lang="ja-JP" altLang="en-US" dirty="0"/>
          </a:p>
        </p:txBody>
      </p:sp>
    </p:spTree>
    <p:extLst>
      <p:ext uri="{BB962C8B-B14F-4D97-AF65-F5344CB8AC3E}">
        <p14:creationId xmlns:p14="http://schemas.microsoft.com/office/powerpoint/2010/main" val="412823020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287924"/>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北大阪健康医療都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では、国立循環器病研究センターや、健都イノベーションパーク内に移転が決まった国立健康・栄養研究所を中心とした、健康・医療のクラスター形成を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06575" y="611007"/>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健康医療都市（健都）における健康・医療クラスターの形成</a:t>
            </a:r>
            <a:r>
              <a:rPr lang="ja-JP" altLang="en-US" dirty="0">
                <a:latin typeface="Meiryo UI" panose="020B0604030504040204" pitchFamily="50" charset="-128"/>
                <a:ea typeface="Meiryo UI" panose="020B0604030504040204" pitchFamily="50" charset="-128"/>
                <a:cs typeface="Meiryo UI" panose="020B0604030504040204" pitchFamily="50" charset="-128"/>
              </a:rPr>
              <a:t>状況</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4"/>
          <p:cNvSpPr txBox="1">
            <a:spLocks/>
          </p:cNvSpPr>
          <p:nvPr/>
        </p:nvSpPr>
        <p:spPr>
          <a:xfrm>
            <a:off x="6986605" y="6492875"/>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77</a:t>
            </a:fld>
            <a:endParaRPr lang="ja-JP" altLang="en-US" dirty="0"/>
          </a:p>
        </p:txBody>
      </p:sp>
      <p:sp>
        <p:nvSpPr>
          <p:cNvPr id="337" name="フリーフォーム 336"/>
          <p:cNvSpPr/>
          <p:nvPr/>
        </p:nvSpPr>
        <p:spPr bwMode="gray">
          <a:xfrm>
            <a:off x="9429968" y="2480286"/>
            <a:ext cx="3345831" cy="1774478"/>
          </a:xfrm>
          <a:custGeom>
            <a:avLst/>
            <a:gdLst>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514725 w 8315325"/>
              <a:gd name="connsiteY7" fmla="*/ 1543050 h 4410075"/>
              <a:gd name="connsiteX8" fmla="*/ 7362825 w 8315325"/>
              <a:gd name="connsiteY8" fmla="*/ 333375 h 4410075"/>
              <a:gd name="connsiteX9" fmla="*/ 7924800 w 8315325"/>
              <a:gd name="connsiteY9" fmla="*/ 171450 h 4410075"/>
              <a:gd name="connsiteX10" fmla="*/ 8258175 w 8315325"/>
              <a:gd name="connsiteY10" fmla="*/ 0 h 4410075"/>
              <a:gd name="connsiteX11" fmla="*/ 8315325 w 8315325"/>
              <a:gd name="connsiteY11" fmla="*/ 47625 h 4410075"/>
              <a:gd name="connsiteX12" fmla="*/ 8305800 w 8315325"/>
              <a:gd name="connsiteY12" fmla="*/ 85725 h 4410075"/>
              <a:gd name="connsiteX13" fmla="*/ 8267700 w 8315325"/>
              <a:gd name="connsiteY13" fmla="*/ 114300 h 4410075"/>
              <a:gd name="connsiteX14" fmla="*/ 8086725 w 8315325"/>
              <a:gd name="connsiteY14" fmla="*/ 219075 h 4410075"/>
              <a:gd name="connsiteX15" fmla="*/ 7991475 w 8315325"/>
              <a:gd name="connsiteY15" fmla="*/ 257175 h 4410075"/>
              <a:gd name="connsiteX16" fmla="*/ 7943850 w 8315325"/>
              <a:gd name="connsiteY16" fmla="*/ 352425 h 4410075"/>
              <a:gd name="connsiteX17" fmla="*/ 7820025 w 8315325"/>
              <a:gd name="connsiteY17" fmla="*/ 428625 h 4410075"/>
              <a:gd name="connsiteX18" fmla="*/ 7734300 w 8315325"/>
              <a:gd name="connsiteY18" fmla="*/ 590550 h 4410075"/>
              <a:gd name="connsiteX19" fmla="*/ 7667625 w 8315325"/>
              <a:gd name="connsiteY19" fmla="*/ 657225 h 4410075"/>
              <a:gd name="connsiteX20" fmla="*/ 7581900 w 8315325"/>
              <a:gd name="connsiteY20" fmla="*/ 742950 h 4410075"/>
              <a:gd name="connsiteX21" fmla="*/ 7467600 w 8315325"/>
              <a:gd name="connsiteY21" fmla="*/ 857250 h 4410075"/>
              <a:gd name="connsiteX22" fmla="*/ 7400925 w 8315325"/>
              <a:gd name="connsiteY22" fmla="*/ 942975 h 4410075"/>
              <a:gd name="connsiteX23" fmla="*/ 7343775 w 8315325"/>
              <a:gd name="connsiteY23" fmla="*/ 971550 h 4410075"/>
              <a:gd name="connsiteX24" fmla="*/ 7181850 w 8315325"/>
              <a:gd name="connsiteY24" fmla="*/ 1238250 h 4410075"/>
              <a:gd name="connsiteX25" fmla="*/ 6819900 w 8315325"/>
              <a:gd name="connsiteY25" fmla="*/ 1476375 h 4410075"/>
              <a:gd name="connsiteX26" fmla="*/ 6448425 w 8315325"/>
              <a:gd name="connsiteY26" fmla="*/ 1695450 h 4410075"/>
              <a:gd name="connsiteX27" fmla="*/ 6096000 w 8315325"/>
              <a:gd name="connsiteY27" fmla="*/ 1857375 h 4410075"/>
              <a:gd name="connsiteX28" fmla="*/ 5638800 w 8315325"/>
              <a:gd name="connsiteY28" fmla="*/ 2076450 h 4410075"/>
              <a:gd name="connsiteX29" fmla="*/ 5143500 w 8315325"/>
              <a:gd name="connsiteY29" fmla="*/ 2276475 h 4410075"/>
              <a:gd name="connsiteX30" fmla="*/ 4667250 w 8315325"/>
              <a:gd name="connsiteY30" fmla="*/ 2447925 h 4410075"/>
              <a:gd name="connsiteX31" fmla="*/ 4010025 w 8315325"/>
              <a:gd name="connsiteY31" fmla="*/ 2809875 h 4410075"/>
              <a:gd name="connsiteX32" fmla="*/ 4629150 w 8315325"/>
              <a:gd name="connsiteY32" fmla="*/ 2981325 h 4410075"/>
              <a:gd name="connsiteX33" fmla="*/ 5276850 w 8315325"/>
              <a:gd name="connsiteY33" fmla="*/ 3200400 h 4410075"/>
              <a:gd name="connsiteX34" fmla="*/ 8305800 w 8315325"/>
              <a:gd name="connsiteY34" fmla="*/ 4410075 h 4410075"/>
              <a:gd name="connsiteX35" fmla="*/ 0 w 8315325"/>
              <a:gd name="connsiteY35" fmla="*/ 4410075 h 4410075"/>
              <a:gd name="connsiteX36" fmla="*/ 19050 w 8315325"/>
              <a:gd name="connsiteY3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514725 w 8315325"/>
              <a:gd name="connsiteY7" fmla="*/ 1543050 h 4410075"/>
              <a:gd name="connsiteX8" fmla="*/ 3914775 w 8315325"/>
              <a:gd name="connsiteY8" fmla="*/ 1409700 h 4410075"/>
              <a:gd name="connsiteX9" fmla="*/ 7362825 w 8315325"/>
              <a:gd name="connsiteY9" fmla="*/ 333375 h 4410075"/>
              <a:gd name="connsiteX10" fmla="*/ 7924800 w 8315325"/>
              <a:gd name="connsiteY10" fmla="*/ 171450 h 4410075"/>
              <a:gd name="connsiteX11" fmla="*/ 8258175 w 8315325"/>
              <a:gd name="connsiteY11" fmla="*/ 0 h 4410075"/>
              <a:gd name="connsiteX12" fmla="*/ 8315325 w 8315325"/>
              <a:gd name="connsiteY12" fmla="*/ 47625 h 4410075"/>
              <a:gd name="connsiteX13" fmla="*/ 8305800 w 8315325"/>
              <a:gd name="connsiteY13" fmla="*/ 85725 h 4410075"/>
              <a:gd name="connsiteX14" fmla="*/ 8267700 w 8315325"/>
              <a:gd name="connsiteY14" fmla="*/ 114300 h 4410075"/>
              <a:gd name="connsiteX15" fmla="*/ 8086725 w 8315325"/>
              <a:gd name="connsiteY15" fmla="*/ 219075 h 4410075"/>
              <a:gd name="connsiteX16" fmla="*/ 7991475 w 8315325"/>
              <a:gd name="connsiteY16" fmla="*/ 257175 h 4410075"/>
              <a:gd name="connsiteX17" fmla="*/ 7943850 w 8315325"/>
              <a:gd name="connsiteY17" fmla="*/ 352425 h 4410075"/>
              <a:gd name="connsiteX18" fmla="*/ 7820025 w 8315325"/>
              <a:gd name="connsiteY18" fmla="*/ 428625 h 4410075"/>
              <a:gd name="connsiteX19" fmla="*/ 7734300 w 8315325"/>
              <a:gd name="connsiteY19" fmla="*/ 590550 h 4410075"/>
              <a:gd name="connsiteX20" fmla="*/ 7667625 w 8315325"/>
              <a:gd name="connsiteY20" fmla="*/ 657225 h 4410075"/>
              <a:gd name="connsiteX21" fmla="*/ 7581900 w 8315325"/>
              <a:gd name="connsiteY21" fmla="*/ 742950 h 4410075"/>
              <a:gd name="connsiteX22" fmla="*/ 7467600 w 8315325"/>
              <a:gd name="connsiteY22" fmla="*/ 857250 h 4410075"/>
              <a:gd name="connsiteX23" fmla="*/ 7400925 w 8315325"/>
              <a:gd name="connsiteY23" fmla="*/ 942975 h 4410075"/>
              <a:gd name="connsiteX24" fmla="*/ 7343775 w 8315325"/>
              <a:gd name="connsiteY24" fmla="*/ 971550 h 4410075"/>
              <a:gd name="connsiteX25" fmla="*/ 7181850 w 8315325"/>
              <a:gd name="connsiteY25" fmla="*/ 1238250 h 4410075"/>
              <a:gd name="connsiteX26" fmla="*/ 6819900 w 8315325"/>
              <a:gd name="connsiteY26" fmla="*/ 1476375 h 4410075"/>
              <a:gd name="connsiteX27" fmla="*/ 6448425 w 8315325"/>
              <a:gd name="connsiteY27" fmla="*/ 1695450 h 4410075"/>
              <a:gd name="connsiteX28" fmla="*/ 6096000 w 8315325"/>
              <a:gd name="connsiteY28" fmla="*/ 1857375 h 4410075"/>
              <a:gd name="connsiteX29" fmla="*/ 5638800 w 8315325"/>
              <a:gd name="connsiteY29" fmla="*/ 2076450 h 4410075"/>
              <a:gd name="connsiteX30" fmla="*/ 5143500 w 8315325"/>
              <a:gd name="connsiteY30" fmla="*/ 2276475 h 4410075"/>
              <a:gd name="connsiteX31" fmla="*/ 4667250 w 8315325"/>
              <a:gd name="connsiteY31" fmla="*/ 2447925 h 4410075"/>
              <a:gd name="connsiteX32" fmla="*/ 4010025 w 8315325"/>
              <a:gd name="connsiteY32" fmla="*/ 2809875 h 4410075"/>
              <a:gd name="connsiteX33" fmla="*/ 4629150 w 8315325"/>
              <a:gd name="connsiteY33" fmla="*/ 2981325 h 4410075"/>
              <a:gd name="connsiteX34" fmla="*/ 5276850 w 8315325"/>
              <a:gd name="connsiteY34" fmla="*/ 3200400 h 4410075"/>
              <a:gd name="connsiteX35" fmla="*/ 8305800 w 8315325"/>
              <a:gd name="connsiteY35" fmla="*/ 4410075 h 4410075"/>
              <a:gd name="connsiteX36" fmla="*/ 0 w 8315325"/>
              <a:gd name="connsiteY36" fmla="*/ 4410075 h 4410075"/>
              <a:gd name="connsiteX37" fmla="*/ 19050 w 8315325"/>
              <a:gd name="connsiteY3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514725 w 8315325"/>
              <a:gd name="connsiteY7" fmla="*/ 1543050 h 4410075"/>
              <a:gd name="connsiteX8" fmla="*/ 3462337 w 8315325"/>
              <a:gd name="connsiteY8" fmla="*/ 1090612 h 4410075"/>
              <a:gd name="connsiteX9" fmla="*/ 7362825 w 8315325"/>
              <a:gd name="connsiteY9" fmla="*/ 333375 h 4410075"/>
              <a:gd name="connsiteX10" fmla="*/ 7924800 w 8315325"/>
              <a:gd name="connsiteY10" fmla="*/ 171450 h 4410075"/>
              <a:gd name="connsiteX11" fmla="*/ 8258175 w 8315325"/>
              <a:gd name="connsiteY11" fmla="*/ 0 h 4410075"/>
              <a:gd name="connsiteX12" fmla="*/ 8315325 w 8315325"/>
              <a:gd name="connsiteY12" fmla="*/ 47625 h 4410075"/>
              <a:gd name="connsiteX13" fmla="*/ 8305800 w 8315325"/>
              <a:gd name="connsiteY13" fmla="*/ 85725 h 4410075"/>
              <a:gd name="connsiteX14" fmla="*/ 8267700 w 8315325"/>
              <a:gd name="connsiteY14" fmla="*/ 114300 h 4410075"/>
              <a:gd name="connsiteX15" fmla="*/ 8086725 w 8315325"/>
              <a:gd name="connsiteY15" fmla="*/ 219075 h 4410075"/>
              <a:gd name="connsiteX16" fmla="*/ 7991475 w 8315325"/>
              <a:gd name="connsiteY16" fmla="*/ 257175 h 4410075"/>
              <a:gd name="connsiteX17" fmla="*/ 7943850 w 8315325"/>
              <a:gd name="connsiteY17" fmla="*/ 352425 h 4410075"/>
              <a:gd name="connsiteX18" fmla="*/ 7820025 w 8315325"/>
              <a:gd name="connsiteY18" fmla="*/ 428625 h 4410075"/>
              <a:gd name="connsiteX19" fmla="*/ 7734300 w 8315325"/>
              <a:gd name="connsiteY19" fmla="*/ 590550 h 4410075"/>
              <a:gd name="connsiteX20" fmla="*/ 7667625 w 8315325"/>
              <a:gd name="connsiteY20" fmla="*/ 657225 h 4410075"/>
              <a:gd name="connsiteX21" fmla="*/ 7581900 w 8315325"/>
              <a:gd name="connsiteY21" fmla="*/ 742950 h 4410075"/>
              <a:gd name="connsiteX22" fmla="*/ 7467600 w 8315325"/>
              <a:gd name="connsiteY22" fmla="*/ 857250 h 4410075"/>
              <a:gd name="connsiteX23" fmla="*/ 7400925 w 8315325"/>
              <a:gd name="connsiteY23" fmla="*/ 942975 h 4410075"/>
              <a:gd name="connsiteX24" fmla="*/ 7343775 w 8315325"/>
              <a:gd name="connsiteY24" fmla="*/ 971550 h 4410075"/>
              <a:gd name="connsiteX25" fmla="*/ 7181850 w 8315325"/>
              <a:gd name="connsiteY25" fmla="*/ 1238250 h 4410075"/>
              <a:gd name="connsiteX26" fmla="*/ 6819900 w 8315325"/>
              <a:gd name="connsiteY26" fmla="*/ 1476375 h 4410075"/>
              <a:gd name="connsiteX27" fmla="*/ 6448425 w 8315325"/>
              <a:gd name="connsiteY27" fmla="*/ 1695450 h 4410075"/>
              <a:gd name="connsiteX28" fmla="*/ 6096000 w 8315325"/>
              <a:gd name="connsiteY28" fmla="*/ 1857375 h 4410075"/>
              <a:gd name="connsiteX29" fmla="*/ 5638800 w 8315325"/>
              <a:gd name="connsiteY29" fmla="*/ 2076450 h 4410075"/>
              <a:gd name="connsiteX30" fmla="*/ 5143500 w 8315325"/>
              <a:gd name="connsiteY30" fmla="*/ 2276475 h 4410075"/>
              <a:gd name="connsiteX31" fmla="*/ 4667250 w 8315325"/>
              <a:gd name="connsiteY31" fmla="*/ 2447925 h 4410075"/>
              <a:gd name="connsiteX32" fmla="*/ 4010025 w 8315325"/>
              <a:gd name="connsiteY32" fmla="*/ 2809875 h 4410075"/>
              <a:gd name="connsiteX33" fmla="*/ 4629150 w 8315325"/>
              <a:gd name="connsiteY33" fmla="*/ 2981325 h 4410075"/>
              <a:gd name="connsiteX34" fmla="*/ 5276850 w 8315325"/>
              <a:gd name="connsiteY34" fmla="*/ 3200400 h 4410075"/>
              <a:gd name="connsiteX35" fmla="*/ 8305800 w 8315325"/>
              <a:gd name="connsiteY35" fmla="*/ 4410075 h 4410075"/>
              <a:gd name="connsiteX36" fmla="*/ 0 w 8315325"/>
              <a:gd name="connsiteY36" fmla="*/ 4410075 h 4410075"/>
              <a:gd name="connsiteX37" fmla="*/ 19050 w 8315325"/>
              <a:gd name="connsiteY3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7362825 w 8315325"/>
              <a:gd name="connsiteY9" fmla="*/ 333375 h 4410075"/>
              <a:gd name="connsiteX10" fmla="*/ 7924800 w 8315325"/>
              <a:gd name="connsiteY10" fmla="*/ 171450 h 4410075"/>
              <a:gd name="connsiteX11" fmla="*/ 8258175 w 8315325"/>
              <a:gd name="connsiteY11" fmla="*/ 0 h 4410075"/>
              <a:gd name="connsiteX12" fmla="*/ 8315325 w 8315325"/>
              <a:gd name="connsiteY12" fmla="*/ 47625 h 4410075"/>
              <a:gd name="connsiteX13" fmla="*/ 8305800 w 8315325"/>
              <a:gd name="connsiteY13" fmla="*/ 85725 h 4410075"/>
              <a:gd name="connsiteX14" fmla="*/ 8267700 w 8315325"/>
              <a:gd name="connsiteY14" fmla="*/ 114300 h 4410075"/>
              <a:gd name="connsiteX15" fmla="*/ 8086725 w 8315325"/>
              <a:gd name="connsiteY15" fmla="*/ 219075 h 4410075"/>
              <a:gd name="connsiteX16" fmla="*/ 7991475 w 8315325"/>
              <a:gd name="connsiteY16" fmla="*/ 257175 h 4410075"/>
              <a:gd name="connsiteX17" fmla="*/ 7943850 w 8315325"/>
              <a:gd name="connsiteY17" fmla="*/ 352425 h 4410075"/>
              <a:gd name="connsiteX18" fmla="*/ 7820025 w 8315325"/>
              <a:gd name="connsiteY18" fmla="*/ 428625 h 4410075"/>
              <a:gd name="connsiteX19" fmla="*/ 7734300 w 8315325"/>
              <a:gd name="connsiteY19" fmla="*/ 590550 h 4410075"/>
              <a:gd name="connsiteX20" fmla="*/ 7667625 w 8315325"/>
              <a:gd name="connsiteY20" fmla="*/ 657225 h 4410075"/>
              <a:gd name="connsiteX21" fmla="*/ 7581900 w 8315325"/>
              <a:gd name="connsiteY21" fmla="*/ 742950 h 4410075"/>
              <a:gd name="connsiteX22" fmla="*/ 7467600 w 8315325"/>
              <a:gd name="connsiteY22" fmla="*/ 857250 h 4410075"/>
              <a:gd name="connsiteX23" fmla="*/ 7400925 w 8315325"/>
              <a:gd name="connsiteY23" fmla="*/ 942975 h 4410075"/>
              <a:gd name="connsiteX24" fmla="*/ 7343775 w 8315325"/>
              <a:gd name="connsiteY24" fmla="*/ 971550 h 4410075"/>
              <a:gd name="connsiteX25" fmla="*/ 7181850 w 8315325"/>
              <a:gd name="connsiteY25" fmla="*/ 1238250 h 4410075"/>
              <a:gd name="connsiteX26" fmla="*/ 6819900 w 8315325"/>
              <a:gd name="connsiteY26" fmla="*/ 1476375 h 4410075"/>
              <a:gd name="connsiteX27" fmla="*/ 6448425 w 8315325"/>
              <a:gd name="connsiteY27" fmla="*/ 1695450 h 4410075"/>
              <a:gd name="connsiteX28" fmla="*/ 6096000 w 8315325"/>
              <a:gd name="connsiteY28" fmla="*/ 1857375 h 4410075"/>
              <a:gd name="connsiteX29" fmla="*/ 5638800 w 8315325"/>
              <a:gd name="connsiteY29" fmla="*/ 2076450 h 4410075"/>
              <a:gd name="connsiteX30" fmla="*/ 5143500 w 8315325"/>
              <a:gd name="connsiteY30" fmla="*/ 2276475 h 4410075"/>
              <a:gd name="connsiteX31" fmla="*/ 4667250 w 8315325"/>
              <a:gd name="connsiteY31" fmla="*/ 2447925 h 4410075"/>
              <a:gd name="connsiteX32" fmla="*/ 4010025 w 8315325"/>
              <a:gd name="connsiteY32" fmla="*/ 2809875 h 4410075"/>
              <a:gd name="connsiteX33" fmla="*/ 4629150 w 8315325"/>
              <a:gd name="connsiteY33" fmla="*/ 2981325 h 4410075"/>
              <a:gd name="connsiteX34" fmla="*/ 5276850 w 8315325"/>
              <a:gd name="connsiteY34" fmla="*/ 3200400 h 4410075"/>
              <a:gd name="connsiteX35" fmla="*/ 8305800 w 8315325"/>
              <a:gd name="connsiteY35" fmla="*/ 4410075 h 4410075"/>
              <a:gd name="connsiteX36" fmla="*/ 0 w 8315325"/>
              <a:gd name="connsiteY36" fmla="*/ 4410075 h 4410075"/>
              <a:gd name="connsiteX37" fmla="*/ 19050 w 8315325"/>
              <a:gd name="connsiteY3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519613 w 8315325"/>
              <a:gd name="connsiteY9" fmla="*/ 895350 h 4410075"/>
              <a:gd name="connsiteX10" fmla="*/ 7362825 w 8315325"/>
              <a:gd name="connsiteY10" fmla="*/ 333375 h 4410075"/>
              <a:gd name="connsiteX11" fmla="*/ 7924800 w 8315325"/>
              <a:gd name="connsiteY11" fmla="*/ 171450 h 4410075"/>
              <a:gd name="connsiteX12" fmla="*/ 8258175 w 8315325"/>
              <a:gd name="connsiteY12" fmla="*/ 0 h 4410075"/>
              <a:gd name="connsiteX13" fmla="*/ 8315325 w 8315325"/>
              <a:gd name="connsiteY13" fmla="*/ 47625 h 4410075"/>
              <a:gd name="connsiteX14" fmla="*/ 8305800 w 8315325"/>
              <a:gd name="connsiteY14" fmla="*/ 85725 h 4410075"/>
              <a:gd name="connsiteX15" fmla="*/ 8267700 w 8315325"/>
              <a:gd name="connsiteY15" fmla="*/ 114300 h 4410075"/>
              <a:gd name="connsiteX16" fmla="*/ 8086725 w 8315325"/>
              <a:gd name="connsiteY16" fmla="*/ 219075 h 4410075"/>
              <a:gd name="connsiteX17" fmla="*/ 7991475 w 8315325"/>
              <a:gd name="connsiteY17" fmla="*/ 257175 h 4410075"/>
              <a:gd name="connsiteX18" fmla="*/ 7943850 w 8315325"/>
              <a:gd name="connsiteY18" fmla="*/ 352425 h 4410075"/>
              <a:gd name="connsiteX19" fmla="*/ 7820025 w 8315325"/>
              <a:gd name="connsiteY19" fmla="*/ 428625 h 4410075"/>
              <a:gd name="connsiteX20" fmla="*/ 7734300 w 8315325"/>
              <a:gd name="connsiteY20" fmla="*/ 590550 h 4410075"/>
              <a:gd name="connsiteX21" fmla="*/ 7667625 w 8315325"/>
              <a:gd name="connsiteY21" fmla="*/ 657225 h 4410075"/>
              <a:gd name="connsiteX22" fmla="*/ 7581900 w 8315325"/>
              <a:gd name="connsiteY22" fmla="*/ 742950 h 4410075"/>
              <a:gd name="connsiteX23" fmla="*/ 7467600 w 8315325"/>
              <a:gd name="connsiteY23" fmla="*/ 857250 h 4410075"/>
              <a:gd name="connsiteX24" fmla="*/ 7400925 w 8315325"/>
              <a:gd name="connsiteY24" fmla="*/ 942975 h 4410075"/>
              <a:gd name="connsiteX25" fmla="*/ 7343775 w 8315325"/>
              <a:gd name="connsiteY25" fmla="*/ 971550 h 4410075"/>
              <a:gd name="connsiteX26" fmla="*/ 7181850 w 8315325"/>
              <a:gd name="connsiteY26" fmla="*/ 1238250 h 4410075"/>
              <a:gd name="connsiteX27" fmla="*/ 6819900 w 8315325"/>
              <a:gd name="connsiteY27" fmla="*/ 1476375 h 4410075"/>
              <a:gd name="connsiteX28" fmla="*/ 6448425 w 8315325"/>
              <a:gd name="connsiteY28" fmla="*/ 1695450 h 4410075"/>
              <a:gd name="connsiteX29" fmla="*/ 6096000 w 8315325"/>
              <a:gd name="connsiteY29" fmla="*/ 1857375 h 4410075"/>
              <a:gd name="connsiteX30" fmla="*/ 5638800 w 8315325"/>
              <a:gd name="connsiteY30" fmla="*/ 2076450 h 4410075"/>
              <a:gd name="connsiteX31" fmla="*/ 5143500 w 8315325"/>
              <a:gd name="connsiteY31" fmla="*/ 2276475 h 4410075"/>
              <a:gd name="connsiteX32" fmla="*/ 4667250 w 8315325"/>
              <a:gd name="connsiteY32" fmla="*/ 2447925 h 4410075"/>
              <a:gd name="connsiteX33" fmla="*/ 4010025 w 8315325"/>
              <a:gd name="connsiteY33" fmla="*/ 2809875 h 4410075"/>
              <a:gd name="connsiteX34" fmla="*/ 4629150 w 8315325"/>
              <a:gd name="connsiteY34" fmla="*/ 2981325 h 4410075"/>
              <a:gd name="connsiteX35" fmla="*/ 5276850 w 8315325"/>
              <a:gd name="connsiteY35" fmla="*/ 3200400 h 4410075"/>
              <a:gd name="connsiteX36" fmla="*/ 8305800 w 8315325"/>
              <a:gd name="connsiteY36" fmla="*/ 4410075 h 4410075"/>
              <a:gd name="connsiteX37" fmla="*/ 0 w 8315325"/>
              <a:gd name="connsiteY37" fmla="*/ 4410075 h 4410075"/>
              <a:gd name="connsiteX38" fmla="*/ 19050 w 8315325"/>
              <a:gd name="connsiteY3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7362825 w 8315325"/>
              <a:gd name="connsiteY10" fmla="*/ 333375 h 4410075"/>
              <a:gd name="connsiteX11" fmla="*/ 7924800 w 8315325"/>
              <a:gd name="connsiteY11" fmla="*/ 171450 h 4410075"/>
              <a:gd name="connsiteX12" fmla="*/ 8258175 w 8315325"/>
              <a:gd name="connsiteY12" fmla="*/ 0 h 4410075"/>
              <a:gd name="connsiteX13" fmla="*/ 8315325 w 8315325"/>
              <a:gd name="connsiteY13" fmla="*/ 47625 h 4410075"/>
              <a:gd name="connsiteX14" fmla="*/ 8305800 w 8315325"/>
              <a:gd name="connsiteY14" fmla="*/ 85725 h 4410075"/>
              <a:gd name="connsiteX15" fmla="*/ 8267700 w 8315325"/>
              <a:gd name="connsiteY15" fmla="*/ 114300 h 4410075"/>
              <a:gd name="connsiteX16" fmla="*/ 8086725 w 8315325"/>
              <a:gd name="connsiteY16" fmla="*/ 219075 h 4410075"/>
              <a:gd name="connsiteX17" fmla="*/ 7991475 w 8315325"/>
              <a:gd name="connsiteY17" fmla="*/ 257175 h 4410075"/>
              <a:gd name="connsiteX18" fmla="*/ 7943850 w 8315325"/>
              <a:gd name="connsiteY18" fmla="*/ 352425 h 4410075"/>
              <a:gd name="connsiteX19" fmla="*/ 7820025 w 8315325"/>
              <a:gd name="connsiteY19" fmla="*/ 428625 h 4410075"/>
              <a:gd name="connsiteX20" fmla="*/ 7734300 w 8315325"/>
              <a:gd name="connsiteY20" fmla="*/ 590550 h 4410075"/>
              <a:gd name="connsiteX21" fmla="*/ 7667625 w 8315325"/>
              <a:gd name="connsiteY21" fmla="*/ 657225 h 4410075"/>
              <a:gd name="connsiteX22" fmla="*/ 7581900 w 8315325"/>
              <a:gd name="connsiteY22" fmla="*/ 742950 h 4410075"/>
              <a:gd name="connsiteX23" fmla="*/ 7467600 w 8315325"/>
              <a:gd name="connsiteY23" fmla="*/ 857250 h 4410075"/>
              <a:gd name="connsiteX24" fmla="*/ 7400925 w 8315325"/>
              <a:gd name="connsiteY24" fmla="*/ 942975 h 4410075"/>
              <a:gd name="connsiteX25" fmla="*/ 7343775 w 8315325"/>
              <a:gd name="connsiteY25" fmla="*/ 971550 h 4410075"/>
              <a:gd name="connsiteX26" fmla="*/ 7181850 w 8315325"/>
              <a:gd name="connsiteY26" fmla="*/ 1238250 h 4410075"/>
              <a:gd name="connsiteX27" fmla="*/ 6819900 w 8315325"/>
              <a:gd name="connsiteY27" fmla="*/ 1476375 h 4410075"/>
              <a:gd name="connsiteX28" fmla="*/ 6448425 w 8315325"/>
              <a:gd name="connsiteY28" fmla="*/ 1695450 h 4410075"/>
              <a:gd name="connsiteX29" fmla="*/ 6096000 w 8315325"/>
              <a:gd name="connsiteY29" fmla="*/ 1857375 h 4410075"/>
              <a:gd name="connsiteX30" fmla="*/ 5638800 w 8315325"/>
              <a:gd name="connsiteY30" fmla="*/ 2076450 h 4410075"/>
              <a:gd name="connsiteX31" fmla="*/ 5143500 w 8315325"/>
              <a:gd name="connsiteY31" fmla="*/ 2276475 h 4410075"/>
              <a:gd name="connsiteX32" fmla="*/ 4667250 w 8315325"/>
              <a:gd name="connsiteY32" fmla="*/ 2447925 h 4410075"/>
              <a:gd name="connsiteX33" fmla="*/ 4010025 w 8315325"/>
              <a:gd name="connsiteY33" fmla="*/ 2809875 h 4410075"/>
              <a:gd name="connsiteX34" fmla="*/ 4629150 w 8315325"/>
              <a:gd name="connsiteY34" fmla="*/ 2981325 h 4410075"/>
              <a:gd name="connsiteX35" fmla="*/ 5276850 w 8315325"/>
              <a:gd name="connsiteY35" fmla="*/ 3200400 h 4410075"/>
              <a:gd name="connsiteX36" fmla="*/ 8305800 w 8315325"/>
              <a:gd name="connsiteY36" fmla="*/ 4410075 h 4410075"/>
              <a:gd name="connsiteX37" fmla="*/ 0 w 8315325"/>
              <a:gd name="connsiteY37" fmla="*/ 4410075 h 4410075"/>
              <a:gd name="connsiteX38" fmla="*/ 19050 w 8315325"/>
              <a:gd name="connsiteY3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5176838 w 8315325"/>
              <a:gd name="connsiteY10" fmla="*/ 723900 h 4410075"/>
              <a:gd name="connsiteX11" fmla="*/ 7362825 w 8315325"/>
              <a:gd name="connsiteY11" fmla="*/ 333375 h 4410075"/>
              <a:gd name="connsiteX12" fmla="*/ 7924800 w 8315325"/>
              <a:gd name="connsiteY12" fmla="*/ 171450 h 4410075"/>
              <a:gd name="connsiteX13" fmla="*/ 8258175 w 8315325"/>
              <a:gd name="connsiteY13" fmla="*/ 0 h 4410075"/>
              <a:gd name="connsiteX14" fmla="*/ 8315325 w 8315325"/>
              <a:gd name="connsiteY14" fmla="*/ 47625 h 4410075"/>
              <a:gd name="connsiteX15" fmla="*/ 8305800 w 8315325"/>
              <a:gd name="connsiteY15" fmla="*/ 85725 h 4410075"/>
              <a:gd name="connsiteX16" fmla="*/ 8267700 w 8315325"/>
              <a:gd name="connsiteY16" fmla="*/ 114300 h 4410075"/>
              <a:gd name="connsiteX17" fmla="*/ 8086725 w 8315325"/>
              <a:gd name="connsiteY17" fmla="*/ 219075 h 4410075"/>
              <a:gd name="connsiteX18" fmla="*/ 7991475 w 8315325"/>
              <a:gd name="connsiteY18" fmla="*/ 257175 h 4410075"/>
              <a:gd name="connsiteX19" fmla="*/ 7943850 w 8315325"/>
              <a:gd name="connsiteY19" fmla="*/ 352425 h 4410075"/>
              <a:gd name="connsiteX20" fmla="*/ 7820025 w 8315325"/>
              <a:gd name="connsiteY20" fmla="*/ 428625 h 4410075"/>
              <a:gd name="connsiteX21" fmla="*/ 7734300 w 8315325"/>
              <a:gd name="connsiteY21" fmla="*/ 590550 h 4410075"/>
              <a:gd name="connsiteX22" fmla="*/ 7667625 w 8315325"/>
              <a:gd name="connsiteY22" fmla="*/ 657225 h 4410075"/>
              <a:gd name="connsiteX23" fmla="*/ 7581900 w 8315325"/>
              <a:gd name="connsiteY23" fmla="*/ 742950 h 4410075"/>
              <a:gd name="connsiteX24" fmla="*/ 7467600 w 8315325"/>
              <a:gd name="connsiteY24" fmla="*/ 857250 h 4410075"/>
              <a:gd name="connsiteX25" fmla="*/ 7400925 w 8315325"/>
              <a:gd name="connsiteY25" fmla="*/ 942975 h 4410075"/>
              <a:gd name="connsiteX26" fmla="*/ 7343775 w 8315325"/>
              <a:gd name="connsiteY26" fmla="*/ 971550 h 4410075"/>
              <a:gd name="connsiteX27" fmla="*/ 7181850 w 8315325"/>
              <a:gd name="connsiteY27" fmla="*/ 1238250 h 4410075"/>
              <a:gd name="connsiteX28" fmla="*/ 6819900 w 8315325"/>
              <a:gd name="connsiteY28" fmla="*/ 1476375 h 4410075"/>
              <a:gd name="connsiteX29" fmla="*/ 6448425 w 8315325"/>
              <a:gd name="connsiteY29" fmla="*/ 1695450 h 4410075"/>
              <a:gd name="connsiteX30" fmla="*/ 6096000 w 8315325"/>
              <a:gd name="connsiteY30" fmla="*/ 1857375 h 4410075"/>
              <a:gd name="connsiteX31" fmla="*/ 5638800 w 8315325"/>
              <a:gd name="connsiteY31" fmla="*/ 2076450 h 4410075"/>
              <a:gd name="connsiteX32" fmla="*/ 5143500 w 8315325"/>
              <a:gd name="connsiteY32" fmla="*/ 2276475 h 4410075"/>
              <a:gd name="connsiteX33" fmla="*/ 4667250 w 8315325"/>
              <a:gd name="connsiteY33" fmla="*/ 2447925 h 4410075"/>
              <a:gd name="connsiteX34" fmla="*/ 4010025 w 8315325"/>
              <a:gd name="connsiteY34" fmla="*/ 2809875 h 4410075"/>
              <a:gd name="connsiteX35" fmla="*/ 4629150 w 8315325"/>
              <a:gd name="connsiteY35" fmla="*/ 2981325 h 4410075"/>
              <a:gd name="connsiteX36" fmla="*/ 5276850 w 8315325"/>
              <a:gd name="connsiteY36" fmla="*/ 3200400 h 4410075"/>
              <a:gd name="connsiteX37" fmla="*/ 8305800 w 8315325"/>
              <a:gd name="connsiteY37" fmla="*/ 4410075 h 4410075"/>
              <a:gd name="connsiteX38" fmla="*/ 0 w 8315325"/>
              <a:gd name="connsiteY38" fmla="*/ 4410075 h 4410075"/>
              <a:gd name="connsiteX39" fmla="*/ 19050 w 8315325"/>
              <a:gd name="connsiteY3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7362825 w 8315325"/>
              <a:gd name="connsiteY11" fmla="*/ 333375 h 4410075"/>
              <a:gd name="connsiteX12" fmla="*/ 7924800 w 8315325"/>
              <a:gd name="connsiteY12" fmla="*/ 171450 h 4410075"/>
              <a:gd name="connsiteX13" fmla="*/ 8258175 w 8315325"/>
              <a:gd name="connsiteY13" fmla="*/ 0 h 4410075"/>
              <a:gd name="connsiteX14" fmla="*/ 8315325 w 8315325"/>
              <a:gd name="connsiteY14" fmla="*/ 47625 h 4410075"/>
              <a:gd name="connsiteX15" fmla="*/ 8305800 w 8315325"/>
              <a:gd name="connsiteY15" fmla="*/ 85725 h 4410075"/>
              <a:gd name="connsiteX16" fmla="*/ 8267700 w 8315325"/>
              <a:gd name="connsiteY16" fmla="*/ 114300 h 4410075"/>
              <a:gd name="connsiteX17" fmla="*/ 8086725 w 8315325"/>
              <a:gd name="connsiteY17" fmla="*/ 219075 h 4410075"/>
              <a:gd name="connsiteX18" fmla="*/ 7991475 w 8315325"/>
              <a:gd name="connsiteY18" fmla="*/ 257175 h 4410075"/>
              <a:gd name="connsiteX19" fmla="*/ 7943850 w 8315325"/>
              <a:gd name="connsiteY19" fmla="*/ 352425 h 4410075"/>
              <a:gd name="connsiteX20" fmla="*/ 7820025 w 8315325"/>
              <a:gd name="connsiteY20" fmla="*/ 428625 h 4410075"/>
              <a:gd name="connsiteX21" fmla="*/ 7734300 w 8315325"/>
              <a:gd name="connsiteY21" fmla="*/ 590550 h 4410075"/>
              <a:gd name="connsiteX22" fmla="*/ 7667625 w 8315325"/>
              <a:gd name="connsiteY22" fmla="*/ 657225 h 4410075"/>
              <a:gd name="connsiteX23" fmla="*/ 7581900 w 8315325"/>
              <a:gd name="connsiteY23" fmla="*/ 742950 h 4410075"/>
              <a:gd name="connsiteX24" fmla="*/ 7467600 w 8315325"/>
              <a:gd name="connsiteY24" fmla="*/ 857250 h 4410075"/>
              <a:gd name="connsiteX25" fmla="*/ 7400925 w 8315325"/>
              <a:gd name="connsiteY25" fmla="*/ 942975 h 4410075"/>
              <a:gd name="connsiteX26" fmla="*/ 7343775 w 8315325"/>
              <a:gd name="connsiteY26" fmla="*/ 971550 h 4410075"/>
              <a:gd name="connsiteX27" fmla="*/ 7181850 w 8315325"/>
              <a:gd name="connsiteY27" fmla="*/ 1238250 h 4410075"/>
              <a:gd name="connsiteX28" fmla="*/ 6819900 w 8315325"/>
              <a:gd name="connsiteY28" fmla="*/ 1476375 h 4410075"/>
              <a:gd name="connsiteX29" fmla="*/ 6448425 w 8315325"/>
              <a:gd name="connsiteY29" fmla="*/ 1695450 h 4410075"/>
              <a:gd name="connsiteX30" fmla="*/ 6096000 w 8315325"/>
              <a:gd name="connsiteY30" fmla="*/ 1857375 h 4410075"/>
              <a:gd name="connsiteX31" fmla="*/ 5638800 w 8315325"/>
              <a:gd name="connsiteY31" fmla="*/ 2076450 h 4410075"/>
              <a:gd name="connsiteX32" fmla="*/ 5143500 w 8315325"/>
              <a:gd name="connsiteY32" fmla="*/ 2276475 h 4410075"/>
              <a:gd name="connsiteX33" fmla="*/ 4667250 w 8315325"/>
              <a:gd name="connsiteY33" fmla="*/ 2447925 h 4410075"/>
              <a:gd name="connsiteX34" fmla="*/ 4010025 w 8315325"/>
              <a:gd name="connsiteY34" fmla="*/ 2809875 h 4410075"/>
              <a:gd name="connsiteX35" fmla="*/ 4629150 w 8315325"/>
              <a:gd name="connsiteY35" fmla="*/ 2981325 h 4410075"/>
              <a:gd name="connsiteX36" fmla="*/ 5276850 w 8315325"/>
              <a:gd name="connsiteY36" fmla="*/ 3200400 h 4410075"/>
              <a:gd name="connsiteX37" fmla="*/ 8305800 w 8315325"/>
              <a:gd name="connsiteY37" fmla="*/ 4410075 h 4410075"/>
              <a:gd name="connsiteX38" fmla="*/ 0 w 8315325"/>
              <a:gd name="connsiteY38" fmla="*/ 4410075 h 4410075"/>
              <a:gd name="connsiteX39" fmla="*/ 19050 w 8315325"/>
              <a:gd name="connsiteY3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5138738 w 8315325"/>
              <a:gd name="connsiteY11" fmla="*/ 857250 h 4410075"/>
              <a:gd name="connsiteX12" fmla="*/ 7362825 w 8315325"/>
              <a:gd name="connsiteY12" fmla="*/ 333375 h 4410075"/>
              <a:gd name="connsiteX13" fmla="*/ 7924800 w 8315325"/>
              <a:gd name="connsiteY13" fmla="*/ 171450 h 4410075"/>
              <a:gd name="connsiteX14" fmla="*/ 8258175 w 8315325"/>
              <a:gd name="connsiteY14" fmla="*/ 0 h 4410075"/>
              <a:gd name="connsiteX15" fmla="*/ 8315325 w 8315325"/>
              <a:gd name="connsiteY15" fmla="*/ 47625 h 4410075"/>
              <a:gd name="connsiteX16" fmla="*/ 8305800 w 8315325"/>
              <a:gd name="connsiteY16" fmla="*/ 85725 h 4410075"/>
              <a:gd name="connsiteX17" fmla="*/ 8267700 w 8315325"/>
              <a:gd name="connsiteY17" fmla="*/ 114300 h 4410075"/>
              <a:gd name="connsiteX18" fmla="*/ 8086725 w 8315325"/>
              <a:gd name="connsiteY18" fmla="*/ 219075 h 4410075"/>
              <a:gd name="connsiteX19" fmla="*/ 7991475 w 8315325"/>
              <a:gd name="connsiteY19" fmla="*/ 257175 h 4410075"/>
              <a:gd name="connsiteX20" fmla="*/ 7943850 w 8315325"/>
              <a:gd name="connsiteY20" fmla="*/ 352425 h 4410075"/>
              <a:gd name="connsiteX21" fmla="*/ 7820025 w 8315325"/>
              <a:gd name="connsiteY21" fmla="*/ 428625 h 4410075"/>
              <a:gd name="connsiteX22" fmla="*/ 7734300 w 8315325"/>
              <a:gd name="connsiteY22" fmla="*/ 590550 h 4410075"/>
              <a:gd name="connsiteX23" fmla="*/ 7667625 w 8315325"/>
              <a:gd name="connsiteY23" fmla="*/ 657225 h 4410075"/>
              <a:gd name="connsiteX24" fmla="*/ 7581900 w 8315325"/>
              <a:gd name="connsiteY24" fmla="*/ 742950 h 4410075"/>
              <a:gd name="connsiteX25" fmla="*/ 7467600 w 8315325"/>
              <a:gd name="connsiteY25" fmla="*/ 857250 h 4410075"/>
              <a:gd name="connsiteX26" fmla="*/ 7400925 w 8315325"/>
              <a:gd name="connsiteY26" fmla="*/ 942975 h 4410075"/>
              <a:gd name="connsiteX27" fmla="*/ 7343775 w 8315325"/>
              <a:gd name="connsiteY27" fmla="*/ 971550 h 4410075"/>
              <a:gd name="connsiteX28" fmla="*/ 7181850 w 8315325"/>
              <a:gd name="connsiteY28" fmla="*/ 1238250 h 4410075"/>
              <a:gd name="connsiteX29" fmla="*/ 6819900 w 8315325"/>
              <a:gd name="connsiteY29" fmla="*/ 1476375 h 4410075"/>
              <a:gd name="connsiteX30" fmla="*/ 6448425 w 8315325"/>
              <a:gd name="connsiteY30" fmla="*/ 1695450 h 4410075"/>
              <a:gd name="connsiteX31" fmla="*/ 6096000 w 8315325"/>
              <a:gd name="connsiteY31" fmla="*/ 1857375 h 4410075"/>
              <a:gd name="connsiteX32" fmla="*/ 5638800 w 8315325"/>
              <a:gd name="connsiteY32" fmla="*/ 2076450 h 4410075"/>
              <a:gd name="connsiteX33" fmla="*/ 5143500 w 8315325"/>
              <a:gd name="connsiteY33" fmla="*/ 2276475 h 4410075"/>
              <a:gd name="connsiteX34" fmla="*/ 4667250 w 8315325"/>
              <a:gd name="connsiteY34" fmla="*/ 2447925 h 4410075"/>
              <a:gd name="connsiteX35" fmla="*/ 4010025 w 8315325"/>
              <a:gd name="connsiteY35" fmla="*/ 2809875 h 4410075"/>
              <a:gd name="connsiteX36" fmla="*/ 4629150 w 8315325"/>
              <a:gd name="connsiteY36" fmla="*/ 2981325 h 4410075"/>
              <a:gd name="connsiteX37" fmla="*/ 5276850 w 8315325"/>
              <a:gd name="connsiteY37" fmla="*/ 3200400 h 4410075"/>
              <a:gd name="connsiteX38" fmla="*/ 8305800 w 8315325"/>
              <a:gd name="connsiteY38" fmla="*/ 4410075 h 4410075"/>
              <a:gd name="connsiteX39" fmla="*/ 0 w 8315325"/>
              <a:gd name="connsiteY39" fmla="*/ 4410075 h 4410075"/>
              <a:gd name="connsiteX40" fmla="*/ 19050 w 8315325"/>
              <a:gd name="connsiteY4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7362825 w 8315325"/>
              <a:gd name="connsiteY12" fmla="*/ 333375 h 4410075"/>
              <a:gd name="connsiteX13" fmla="*/ 7924800 w 8315325"/>
              <a:gd name="connsiteY13" fmla="*/ 171450 h 4410075"/>
              <a:gd name="connsiteX14" fmla="*/ 8258175 w 8315325"/>
              <a:gd name="connsiteY14" fmla="*/ 0 h 4410075"/>
              <a:gd name="connsiteX15" fmla="*/ 8315325 w 8315325"/>
              <a:gd name="connsiteY15" fmla="*/ 47625 h 4410075"/>
              <a:gd name="connsiteX16" fmla="*/ 8305800 w 8315325"/>
              <a:gd name="connsiteY16" fmla="*/ 85725 h 4410075"/>
              <a:gd name="connsiteX17" fmla="*/ 8267700 w 8315325"/>
              <a:gd name="connsiteY17" fmla="*/ 114300 h 4410075"/>
              <a:gd name="connsiteX18" fmla="*/ 8086725 w 8315325"/>
              <a:gd name="connsiteY18" fmla="*/ 219075 h 4410075"/>
              <a:gd name="connsiteX19" fmla="*/ 7991475 w 8315325"/>
              <a:gd name="connsiteY19" fmla="*/ 257175 h 4410075"/>
              <a:gd name="connsiteX20" fmla="*/ 7943850 w 8315325"/>
              <a:gd name="connsiteY20" fmla="*/ 352425 h 4410075"/>
              <a:gd name="connsiteX21" fmla="*/ 7820025 w 8315325"/>
              <a:gd name="connsiteY21" fmla="*/ 428625 h 4410075"/>
              <a:gd name="connsiteX22" fmla="*/ 7734300 w 8315325"/>
              <a:gd name="connsiteY22" fmla="*/ 590550 h 4410075"/>
              <a:gd name="connsiteX23" fmla="*/ 7667625 w 8315325"/>
              <a:gd name="connsiteY23" fmla="*/ 657225 h 4410075"/>
              <a:gd name="connsiteX24" fmla="*/ 7581900 w 8315325"/>
              <a:gd name="connsiteY24" fmla="*/ 742950 h 4410075"/>
              <a:gd name="connsiteX25" fmla="*/ 7467600 w 8315325"/>
              <a:gd name="connsiteY25" fmla="*/ 857250 h 4410075"/>
              <a:gd name="connsiteX26" fmla="*/ 7400925 w 8315325"/>
              <a:gd name="connsiteY26" fmla="*/ 942975 h 4410075"/>
              <a:gd name="connsiteX27" fmla="*/ 7343775 w 8315325"/>
              <a:gd name="connsiteY27" fmla="*/ 971550 h 4410075"/>
              <a:gd name="connsiteX28" fmla="*/ 7181850 w 8315325"/>
              <a:gd name="connsiteY28" fmla="*/ 1238250 h 4410075"/>
              <a:gd name="connsiteX29" fmla="*/ 6819900 w 8315325"/>
              <a:gd name="connsiteY29" fmla="*/ 1476375 h 4410075"/>
              <a:gd name="connsiteX30" fmla="*/ 6448425 w 8315325"/>
              <a:gd name="connsiteY30" fmla="*/ 1695450 h 4410075"/>
              <a:gd name="connsiteX31" fmla="*/ 6096000 w 8315325"/>
              <a:gd name="connsiteY31" fmla="*/ 1857375 h 4410075"/>
              <a:gd name="connsiteX32" fmla="*/ 5638800 w 8315325"/>
              <a:gd name="connsiteY32" fmla="*/ 2076450 h 4410075"/>
              <a:gd name="connsiteX33" fmla="*/ 5143500 w 8315325"/>
              <a:gd name="connsiteY33" fmla="*/ 2276475 h 4410075"/>
              <a:gd name="connsiteX34" fmla="*/ 4667250 w 8315325"/>
              <a:gd name="connsiteY34" fmla="*/ 2447925 h 4410075"/>
              <a:gd name="connsiteX35" fmla="*/ 4010025 w 8315325"/>
              <a:gd name="connsiteY35" fmla="*/ 2809875 h 4410075"/>
              <a:gd name="connsiteX36" fmla="*/ 4629150 w 8315325"/>
              <a:gd name="connsiteY36" fmla="*/ 2981325 h 4410075"/>
              <a:gd name="connsiteX37" fmla="*/ 5276850 w 8315325"/>
              <a:gd name="connsiteY37" fmla="*/ 3200400 h 4410075"/>
              <a:gd name="connsiteX38" fmla="*/ 8305800 w 8315325"/>
              <a:gd name="connsiteY38" fmla="*/ 4410075 h 4410075"/>
              <a:gd name="connsiteX39" fmla="*/ 0 w 8315325"/>
              <a:gd name="connsiteY39" fmla="*/ 4410075 h 4410075"/>
              <a:gd name="connsiteX40" fmla="*/ 19050 w 8315325"/>
              <a:gd name="connsiteY4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219700 w 8315325"/>
              <a:gd name="connsiteY12" fmla="*/ 490538 h 4410075"/>
              <a:gd name="connsiteX13" fmla="*/ 7362825 w 8315325"/>
              <a:gd name="connsiteY13" fmla="*/ 333375 h 4410075"/>
              <a:gd name="connsiteX14" fmla="*/ 7924800 w 8315325"/>
              <a:gd name="connsiteY14" fmla="*/ 171450 h 4410075"/>
              <a:gd name="connsiteX15" fmla="*/ 8258175 w 8315325"/>
              <a:gd name="connsiteY15" fmla="*/ 0 h 4410075"/>
              <a:gd name="connsiteX16" fmla="*/ 8315325 w 8315325"/>
              <a:gd name="connsiteY16" fmla="*/ 47625 h 4410075"/>
              <a:gd name="connsiteX17" fmla="*/ 8305800 w 8315325"/>
              <a:gd name="connsiteY17" fmla="*/ 85725 h 4410075"/>
              <a:gd name="connsiteX18" fmla="*/ 8267700 w 8315325"/>
              <a:gd name="connsiteY18" fmla="*/ 114300 h 4410075"/>
              <a:gd name="connsiteX19" fmla="*/ 8086725 w 8315325"/>
              <a:gd name="connsiteY19" fmla="*/ 219075 h 4410075"/>
              <a:gd name="connsiteX20" fmla="*/ 7991475 w 8315325"/>
              <a:gd name="connsiteY20" fmla="*/ 257175 h 4410075"/>
              <a:gd name="connsiteX21" fmla="*/ 7943850 w 8315325"/>
              <a:gd name="connsiteY21" fmla="*/ 352425 h 4410075"/>
              <a:gd name="connsiteX22" fmla="*/ 7820025 w 8315325"/>
              <a:gd name="connsiteY22" fmla="*/ 428625 h 4410075"/>
              <a:gd name="connsiteX23" fmla="*/ 7734300 w 8315325"/>
              <a:gd name="connsiteY23" fmla="*/ 590550 h 4410075"/>
              <a:gd name="connsiteX24" fmla="*/ 7667625 w 8315325"/>
              <a:gd name="connsiteY24" fmla="*/ 657225 h 4410075"/>
              <a:gd name="connsiteX25" fmla="*/ 7581900 w 8315325"/>
              <a:gd name="connsiteY25" fmla="*/ 742950 h 4410075"/>
              <a:gd name="connsiteX26" fmla="*/ 7467600 w 8315325"/>
              <a:gd name="connsiteY26" fmla="*/ 857250 h 4410075"/>
              <a:gd name="connsiteX27" fmla="*/ 7400925 w 8315325"/>
              <a:gd name="connsiteY27" fmla="*/ 942975 h 4410075"/>
              <a:gd name="connsiteX28" fmla="*/ 7343775 w 8315325"/>
              <a:gd name="connsiteY28" fmla="*/ 971550 h 4410075"/>
              <a:gd name="connsiteX29" fmla="*/ 7181850 w 8315325"/>
              <a:gd name="connsiteY29" fmla="*/ 1238250 h 4410075"/>
              <a:gd name="connsiteX30" fmla="*/ 6819900 w 8315325"/>
              <a:gd name="connsiteY30" fmla="*/ 1476375 h 4410075"/>
              <a:gd name="connsiteX31" fmla="*/ 6448425 w 8315325"/>
              <a:gd name="connsiteY31" fmla="*/ 1695450 h 4410075"/>
              <a:gd name="connsiteX32" fmla="*/ 6096000 w 8315325"/>
              <a:gd name="connsiteY32" fmla="*/ 1857375 h 4410075"/>
              <a:gd name="connsiteX33" fmla="*/ 5638800 w 8315325"/>
              <a:gd name="connsiteY33" fmla="*/ 2076450 h 4410075"/>
              <a:gd name="connsiteX34" fmla="*/ 5143500 w 8315325"/>
              <a:gd name="connsiteY34" fmla="*/ 2276475 h 4410075"/>
              <a:gd name="connsiteX35" fmla="*/ 4667250 w 8315325"/>
              <a:gd name="connsiteY35" fmla="*/ 2447925 h 4410075"/>
              <a:gd name="connsiteX36" fmla="*/ 4010025 w 8315325"/>
              <a:gd name="connsiteY36" fmla="*/ 2809875 h 4410075"/>
              <a:gd name="connsiteX37" fmla="*/ 4629150 w 8315325"/>
              <a:gd name="connsiteY37" fmla="*/ 2981325 h 4410075"/>
              <a:gd name="connsiteX38" fmla="*/ 5276850 w 8315325"/>
              <a:gd name="connsiteY38" fmla="*/ 3200400 h 4410075"/>
              <a:gd name="connsiteX39" fmla="*/ 8305800 w 8315325"/>
              <a:gd name="connsiteY39" fmla="*/ 4410075 h 4410075"/>
              <a:gd name="connsiteX40" fmla="*/ 0 w 8315325"/>
              <a:gd name="connsiteY40" fmla="*/ 4410075 h 4410075"/>
              <a:gd name="connsiteX41" fmla="*/ 19050 w 8315325"/>
              <a:gd name="connsiteY4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253038 w 8315325"/>
              <a:gd name="connsiteY12" fmla="*/ 690563 h 4410075"/>
              <a:gd name="connsiteX13" fmla="*/ 7362825 w 8315325"/>
              <a:gd name="connsiteY13" fmla="*/ 333375 h 4410075"/>
              <a:gd name="connsiteX14" fmla="*/ 7924800 w 8315325"/>
              <a:gd name="connsiteY14" fmla="*/ 171450 h 4410075"/>
              <a:gd name="connsiteX15" fmla="*/ 8258175 w 8315325"/>
              <a:gd name="connsiteY15" fmla="*/ 0 h 4410075"/>
              <a:gd name="connsiteX16" fmla="*/ 8315325 w 8315325"/>
              <a:gd name="connsiteY16" fmla="*/ 47625 h 4410075"/>
              <a:gd name="connsiteX17" fmla="*/ 8305800 w 8315325"/>
              <a:gd name="connsiteY17" fmla="*/ 85725 h 4410075"/>
              <a:gd name="connsiteX18" fmla="*/ 8267700 w 8315325"/>
              <a:gd name="connsiteY18" fmla="*/ 114300 h 4410075"/>
              <a:gd name="connsiteX19" fmla="*/ 8086725 w 8315325"/>
              <a:gd name="connsiteY19" fmla="*/ 219075 h 4410075"/>
              <a:gd name="connsiteX20" fmla="*/ 7991475 w 8315325"/>
              <a:gd name="connsiteY20" fmla="*/ 257175 h 4410075"/>
              <a:gd name="connsiteX21" fmla="*/ 7943850 w 8315325"/>
              <a:gd name="connsiteY21" fmla="*/ 352425 h 4410075"/>
              <a:gd name="connsiteX22" fmla="*/ 7820025 w 8315325"/>
              <a:gd name="connsiteY22" fmla="*/ 428625 h 4410075"/>
              <a:gd name="connsiteX23" fmla="*/ 7734300 w 8315325"/>
              <a:gd name="connsiteY23" fmla="*/ 590550 h 4410075"/>
              <a:gd name="connsiteX24" fmla="*/ 7667625 w 8315325"/>
              <a:gd name="connsiteY24" fmla="*/ 657225 h 4410075"/>
              <a:gd name="connsiteX25" fmla="*/ 7581900 w 8315325"/>
              <a:gd name="connsiteY25" fmla="*/ 742950 h 4410075"/>
              <a:gd name="connsiteX26" fmla="*/ 7467600 w 8315325"/>
              <a:gd name="connsiteY26" fmla="*/ 857250 h 4410075"/>
              <a:gd name="connsiteX27" fmla="*/ 7400925 w 8315325"/>
              <a:gd name="connsiteY27" fmla="*/ 942975 h 4410075"/>
              <a:gd name="connsiteX28" fmla="*/ 7343775 w 8315325"/>
              <a:gd name="connsiteY28" fmla="*/ 971550 h 4410075"/>
              <a:gd name="connsiteX29" fmla="*/ 7181850 w 8315325"/>
              <a:gd name="connsiteY29" fmla="*/ 1238250 h 4410075"/>
              <a:gd name="connsiteX30" fmla="*/ 6819900 w 8315325"/>
              <a:gd name="connsiteY30" fmla="*/ 1476375 h 4410075"/>
              <a:gd name="connsiteX31" fmla="*/ 6448425 w 8315325"/>
              <a:gd name="connsiteY31" fmla="*/ 1695450 h 4410075"/>
              <a:gd name="connsiteX32" fmla="*/ 6096000 w 8315325"/>
              <a:gd name="connsiteY32" fmla="*/ 1857375 h 4410075"/>
              <a:gd name="connsiteX33" fmla="*/ 5638800 w 8315325"/>
              <a:gd name="connsiteY33" fmla="*/ 2076450 h 4410075"/>
              <a:gd name="connsiteX34" fmla="*/ 5143500 w 8315325"/>
              <a:gd name="connsiteY34" fmla="*/ 2276475 h 4410075"/>
              <a:gd name="connsiteX35" fmla="*/ 4667250 w 8315325"/>
              <a:gd name="connsiteY35" fmla="*/ 2447925 h 4410075"/>
              <a:gd name="connsiteX36" fmla="*/ 4010025 w 8315325"/>
              <a:gd name="connsiteY36" fmla="*/ 2809875 h 4410075"/>
              <a:gd name="connsiteX37" fmla="*/ 4629150 w 8315325"/>
              <a:gd name="connsiteY37" fmla="*/ 2981325 h 4410075"/>
              <a:gd name="connsiteX38" fmla="*/ 5276850 w 8315325"/>
              <a:gd name="connsiteY38" fmla="*/ 3200400 h 4410075"/>
              <a:gd name="connsiteX39" fmla="*/ 8305800 w 8315325"/>
              <a:gd name="connsiteY39" fmla="*/ 4410075 h 4410075"/>
              <a:gd name="connsiteX40" fmla="*/ 0 w 8315325"/>
              <a:gd name="connsiteY40" fmla="*/ 4410075 h 4410075"/>
              <a:gd name="connsiteX41" fmla="*/ 19050 w 8315325"/>
              <a:gd name="connsiteY4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024438 w 8315325"/>
              <a:gd name="connsiteY12" fmla="*/ 490538 h 4410075"/>
              <a:gd name="connsiteX13" fmla="*/ 7362825 w 8315325"/>
              <a:gd name="connsiteY13" fmla="*/ 333375 h 4410075"/>
              <a:gd name="connsiteX14" fmla="*/ 7924800 w 8315325"/>
              <a:gd name="connsiteY14" fmla="*/ 171450 h 4410075"/>
              <a:gd name="connsiteX15" fmla="*/ 8258175 w 8315325"/>
              <a:gd name="connsiteY15" fmla="*/ 0 h 4410075"/>
              <a:gd name="connsiteX16" fmla="*/ 8315325 w 8315325"/>
              <a:gd name="connsiteY16" fmla="*/ 47625 h 4410075"/>
              <a:gd name="connsiteX17" fmla="*/ 8305800 w 8315325"/>
              <a:gd name="connsiteY17" fmla="*/ 85725 h 4410075"/>
              <a:gd name="connsiteX18" fmla="*/ 8267700 w 8315325"/>
              <a:gd name="connsiteY18" fmla="*/ 114300 h 4410075"/>
              <a:gd name="connsiteX19" fmla="*/ 8086725 w 8315325"/>
              <a:gd name="connsiteY19" fmla="*/ 219075 h 4410075"/>
              <a:gd name="connsiteX20" fmla="*/ 7991475 w 8315325"/>
              <a:gd name="connsiteY20" fmla="*/ 257175 h 4410075"/>
              <a:gd name="connsiteX21" fmla="*/ 7943850 w 8315325"/>
              <a:gd name="connsiteY21" fmla="*/ 352425 h 4410075"/>
              <a:gd name="connsiteX22" fmla="*/ 7820025 w 8315325"/>
              <a:gd name="connsiteY22" fmla="*/ 428625 h 4410075"/>
              <a:gd name="connsiteX23" fmla="*/ 7734300 w 8315325"/>
              <a:gd name="connsiteY23" fmla="*/ 590550 h 4410075"/>
              <a:gd name="connsiteX24" fmla="*/ 7667625 w 8315325"/>
              <a:gd name="connsiteY24" fmla="*/ 657225 h 4410075"/>
              <a:gd name="connsiteX25" fmla="*/ 7581900 w 8315325"/>
              <a:gd name="connsiteY25" fmla="*/ 742950 h 4410075"/>
              <a:gd name="connsiteX26" fmla="*/ 7467600 w 8315325"/>
              <a:gd name="connsiteY26" fmla="*/ 857250 h 4410075"/>
              <a:gd name="connsiteX27" fmla="*/ 7400925 w 8315325"/>
              <a:gd name="connsiteY27" fmla="*/ 942975 h 4410075"/>
              <a:gd name="connsiteX28" fmla="*/ 7343775 w 8315325"/>
              <a:gd name="connsiteY28" fmla="*/ 971550 h 4410075"/>
              <a:gd name="connsiteX29" fmla="*/ 7181850 w 8315325"/>
              <a:gd name="connsiteY29" fmla="*/ 1238250 h 4410075"/>
              <a:gd name="connsiteX30" fmla="*/ 6819900 w 8315325"/>
              <a:gd name="connsiteY30" fmla="*/ 1476375 h 4410075"/>
              <a:gd name="connsiteX31" fmla="*/ 6448425 w 8315325"/>
              <a:gd name="connsiteY31" fmla="*/ 1695450 h 4410075"/>
              <a:gd name="connsiteX32" fmla="*/ 6096000 w 8315325"/>
              <a:gd name="connsiteY32" fmla="*/ 1857375 h 4410075"/>
              <a:gd name="connsiteX33" fmla="*/ 5638800 w 8315325"/>
              <a:gd name="connsiteY33" fmla="*/ 2076450 h 4410075"/>
              <a:gd name="connsiteX34" fmla="*/ 5143500 w 8315325"/>
              <a:gd name="connsiteY34" fmla="*/ 2276475 h 4410075"/>
              <a:gd name="connsiteX35" fmla="*/ 4667250 w 8315325"/>
              <a:gd name="connsiteY35" fmla="*/ 2447925 h 4410075"/>
              <a:gd name="connsiteX36" fmla="*/ 4010025 w 8315325"/>
              <a:gd name="connsiteY36" fmla="*/ 2809875 h 4410075"/>
              <a:gd name="connsiteX37" fmla="*/ 4629150 w 8315325"/>
              <a:gd name="connsiteY37" fmla="*/ 2981325 h 4410075"/>
              <a:gd name="connsiteX38" fmla="*/ 5276850 w 8315325"/>
              <a:gd name="connsiteY38" fmla="*/ 3200400 h 4410075"/>
              <a:gd name="connsiteX39" fmla="*/ 8305800 w 8315325"/>
              <a:gd name="connsiteY39" fmla="*/ 4410075 h 4410075"/>
              <a:gd name="connsiteX40" fmla="*/ 0 w 8315325"/>
              <a:gd name="connsiteY40" fmla="*/ 4410075 h 4410075"/>
              <a:gd name="connsiteX41" fmla="*/ 19050 w 8315325"/>
              <a:gd name="connsiteY4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024438 w 8315325"/>
              <a:gd name="connsiteY12" fmla="*/ 490538 h 4410075"/>
              <a:gd name="connsiteX13" fmla="*/ 5238750 w 8315325"/>
              <a:gd name="connsiteY13" fmla="*/ 485775 h 4410075"/>
              <a:gd name="connsiteX14" fmla="*/ 7362825 w 8315325"/>
              <a:gd name="connsiteY14" fmla="*/ 333375 h 4410075"/>
              <a:gd name="connsiteX15" fmla="*/ 7924800 w 8315325"/>
              <a:gd name="connsiteY15" fmla="*/ 171450 h 4410075"/>
              <a:gd name="connsiteX16" fmla="*/ 8258175 w 8315325"/>
              <a:gd name="connsiteY16" fmla="*/ 0 h 4410075"/>
              <a:gd name="connsiteX17" fmla="*/ 8315325 w 8315325"/>
              <a:gd name="connsiteY17" fmla="*/ 47625 h 4410075"/>
              <a:gd name="connsiteX18" fmla="*/ 8305800 w 8315325"/>
              <a:gd name="connsiteY18" fmla="*/ 85725 h 4410075"/>
              <a:gd name="connsiteX19" fmla="*/ 8267700 w 8315325"/>
              <a:gd name="connsiteY19" fmla="*/ 114300 h 4410075"/>
              <a:gd name="connsiteX20" fmla="*/ 8086725 w 8315325"/>
              <a:gd name="connsiteY20" fmla="*/ 219075 h 4410075"/>
              <a:gd name="connsiteX21" fmla="*/ 7991475 w 8315325"/>
              <a:gd name="connsiteY21" fmla="*/ 257175 h 4410075"/>
              <a:gd name="connsiteX22" fmla="*/ 7943850 w 8315325"/>
              <a:gd name="connsiteY22" fmla="*/ 352425 h 4410075"/>
              <a:gd name="connsiteX23" fmla="*/ 7820025 w 8315325"/>
              <a:gd name="connsiteY23" fmla="*/ 428625 h 4410075"/>
              <a:gd name="connsiteX24" fmla="*/ 7734300 w 8315325"/>
              <a:gd name="connsiteY24" fmla="*/ 590550 h 4410075"/>
              <a:gd name="connsiteX25" fmla="*/ 7667625 w 8315325"/>
              <a:gd name="connsiteY25" fmla="*/ 657225 h 4410075"/>
              <a:gd name="connsiteX26" fmla="*/ 7581900 w 8315325"/>
              <a:gd name="connsiteY26" fmla="*/ 742950 h 4410075"/>
              <a:gd name="connsiteX27" fmla="*/ 7467600 w 8315325"/>
              <a:gd name="connsiteY27" fmla="*/ 857250 h 4410075"/>
              <a:gd name="connsiteX28" fmla="*/ 7400925 w 8315325"/>
              <a:gd name="connsiteY28" fmla="*/ 942975 h 4410075"/>
              <a:gd name="connsiteX29" fmla="*/ 7343775 w 8315325"/>
              <a:gd name="connsiteY29" fmla="*/ 971550 h 4410075"/>
              <a:gd name="connsiteX30" fmla="*/ 7181850 w 8315325"/>
              <a:gd name="connsiteY30" fmla="*/ 1238250 h 4410075"/>
              <a:gd name="connsiteX31" fmla="*/ 6819900 w 8315325"/>
              <a:gd name="connsiteY31" fmla="*/ 1476375 h 4410075"/>
              <a:gd name="connsiteX32" fmla="*/ 6448425 w 8315325"/>
              <a:gd name="connsiteY32" fmla="*/ 1695450 h 4410075"/>
              <a:gd name="connsiteX33" fmla="*/ 6096000 w 8315325"/>
              <a:gd name="connsiteY33" fmla="*/ 1857375 h 4410075"/>
              <a:gd name="connsiteX34" fmla="*/ 5638800 w 8315325"/>
              <a:gd name="connsiteY34" fmla="*/ 2076450 h 4410075"/>
              <a:gd name="connsiteX35" fmla="*/ 5143500 w 8315325"/>
              <a:gd name="connsiteY35" fmla="*/ 2276475 h 4410075"/>
              <a:gd name="connsiteX36" fmla="*/ 4667250 w 8315325"/>
              <a:gd name="connsiteY36" fmla="*/ 2447925 h 4410075"/>
              <a:gd name="connsiteX37" fmla="*/ 4010025 w 8315325"/>
              <a:gd name="connsiteY37" fmla="*/ 2809875 h 4410075"/>
              <a:gd name="connsiteX38" fmla="*/ 4629150 w 8315325"/>
              <a:gd name="connsiteY38" fmla="*/ 2981325 h 4410075"/>
              <a:gd name="connsiteX39" fmla="*/ 5276850 w 8315325"/>
              <a:gd name="connsiteY39" fmla="*/ 3200400 h 4410075"/>
              <a:gd name="connsiteX40" fmla="*/ 8305800 w 8315325"/>
              <a:gd name="connsiteY40" fmla="*/ 4410075 h 4410075"/>
              <a:gd name="connsiteX41" fmla="*/ 0 w 8315325"/>
              <a:gd name="connsiteY41" fmla="*/ 4410075 h 4410075"/>
              <a:gd name="connsiteX42" fmla="*/ 19050 w 8315325"/>
              <a:gd name="connsiteY4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024438 w 8315325"/>
              <a:gd name="connsiteY12" fmla="*/ 490538 h 4410075"/>
              <a:gd name="connsiteX13" fmla="*/ 5157788 w 8315325"/>
              <a:gd name="connsiteY13" fmla="*/ 495300 h 4410075"/>
              <a:gd name="connsiteX14" fmla="*/ 7362825 w 8315325"/>
              <a:gd name="connsiteY14" fmla="*/ 333375 h 4410075"/>
              <a:gd name="connsiteX15" fmla="*/ 7924800 w 8315325"/>
              <a:gd name="connsiteY15" fmla="*/ 171450 h 4410075"/>
              <a:gd name="connsiteX16" fmla="*/ 8258175 w 8315325"/>
              <a:gd name="connsiteY16" fmla="*/ 0 h 4410075"/>
              <a:gd name="connsiteX17" fmla="*/ 8315325 w 8315325"/>
              <a:gd name="connsiteY17" fmla="*/ 47625 h 4410075"/>
              <a:gd name="connsiteX18" fmla="*/ 8305800 w 8315325"/>
              <a:gd name="connsiteY18" fmla="*/ 85725 h 4410075"/>
              <a:gd name="connsiteX19" fmla="*/ 8267700 w 8315325"/>
              <a:gd name="connsiteY19" fmla="*/ 114300 h 4410075"/>
              <a:gd name="connsiteX20" fmla="*/ 8086725 w 8315325"/>
              <a:gd name="connsiteY20" fmla="*/ 219075 h 4410075"/>
              <a:gd name="connsiteX21" fmla="*/ 7991475 w 8315325"/>
              <a:gd name="connsiteY21" fmla="*/ 257175 h 4410075"/>
              <a:gd name="connsiteX22" fmla="*/ 7943850 w 8315325"/>
              <a:gd name="connsiteY22" fmla="*/ 352425 h 4410075"/>
              <a:gd name="connsiteX23" fmla="*/ 7820025 w 8315325"/>
              <a:gd name="connsiteY23" fmla="*/ 428625 h 4410075"/>
              <a:gd name="connsiteX24" fmla="*/ 7734300 w 8315325"/>
              <a:gd name="connsiteY24" fmla="*/ 590550 h 4410075"/>
              <a:gd name="connsiteX25" fmla="*/ 7667625 w 8315325"/>
              <a:gd name="connsiteY25" fmla="*/ 657225 h 4410075"/>
              <a:gd name="connsiteX26" fmla="*/ 7581900 w 8315325"/>
              <a:gd name="connsiteY26" fmla="*/ 742950 h 4410075"/>
              <a:gd name="connsiteX27" fmla="*/ 7467600 w 8315325"/>
              <a:gd name="connsiteY27" fmla="*/ 857250 h 4410075"/>
              <a:gd name="connsiteX28" fmla="*/ 7400925 w 8315325"/>
              <a:gd name="connsiteY28" fmla="*/ 942975 h 4410075"/>
              <a:gd name="connsiteX29" fmla="*/ 7343775 w 8315325"/>
              <a:gd name="connsiteY29" fmla="*/ 971550 h 4410075"/>
              <a:gd name="connsiteX30" fmla="*/ 7181850 w 8315325"/>
              <a:gd name="connsiteY30" fmla="*/ 1238250 h 4410075"/>
              <a:gd name="connsiteX31" fmla="*/ 6819900 w 8315325"/>
              <a:gd name="connsiteY31" fmla="*/ 1476375 h 4410075"/>
              <a:gd name="connsiteX32" fmla="*/ 6448425 w 8315325"/>
              <a:gd name="connsiteY32" fmla="*/ 1695450 h 4410075"/>
              <a:gd name="connsiteX33" fmla="*/ 6096000 w 8315325"/>
              <a:gd name="connsiteY33" fmla="*/ 1857375 h 4410075"/>
              <a:gd name="connsiteX34" fmla="*/ 5638800 w 8315325"/>
              <a:gd name="connsiteY34" fmla="*/ 2076450 h 4410075"/>
              <a:gd name="connsiteX35" fmla="*/ 5143500 w 8315325"/>
              <a:gd name="connsiteY35" fmla="*/ 2276475 h 4410075"/>
              <a:gd name="connsiteX36" fmla="*/ 4667250 w 8315325"/>
              <a:gd name="connsiteY36" fmla="*/ 2447925 h 4410075"/>
              <a:gd name="connsiteX37" fmla="*/ 4010025 w 8315325"/>
              <a:gd name="connsiteY37" fmla="*/ 2809875 h 4410075"/>
              <a:gd name="connsiteX38" fmla="*/ 4629150 w 8315325"/>
              <a:gd name="connsiteY38" fmla="*/ 2981325 h 4410075"/>
              <a:gd name="connsiteX39" fmla="*/ 5276850 w 8315325"/>
              <a:gd name="connsiteY39" fmla="*/ 3200400 h 4410075"/>
              <a:gd name="connsiteX40" fmla="*/ 8305800 w 8315325"/>
              <a:gd name="connsiteY40" fmla="*/ 4410075 h 4410075"/>
              <a:gd name="connsiteX41" fmla="*/ 0 w 8315325"/>
              <a:gd name="connsiteY41" fmla="*/ 4410075 h 4410075"/>
              <a:gd name="connsiteX42" fmla="*/ 19050 w 8315325"/>
              <a:gd name="connsiteY4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024438 w 8315325"/>
              <a:gd name="connsiteY12" fmla="*/ 490538 h 4410075"/>
              <a:gd name="connsiteX13" fmla="*/ 5157788 w 8315325"/>
              <a:gd name="connsiteY13" fmla="*/ 495300 h 4410075"/>
              <a:gd name="connsiteX14" fmla="*/ 5434013 w 8315325"/>
              <a:gd name="connsiteY14" fmla="*/ 476250 h 4410075"/>
              <a:gd name="connsiteX15" fmla="*/ 7362825 w 8315325"/>
              <a:gd name="connsiteY15" fmla="*/ 333375 h 4410075"/>
              <a:gd name="connsiteX16" fmla="*/ 7924800 w 8315325"/>
              <a:gd name="connsiteY16" fmla="*/ 171450 h 4410075"/>
              <a:gd name="connsiteX17" fmla="*/ 8258175 w 8315325"/>
              <a:gd name="connsiteY17" fmla="*/ 0 h 4410075"/>
              <a:gd name="connsiteX18" fmla="*/ 8315325 w 8315325"/>
              <a:gd name="connsiteY18" fmla="*/ 47625 h 4410075"/>
              <a:gd name="connsiteX19" fmla="*/ 8305800 w 8315325"/>
              <a:gd name="connsiteY19" fmla="*/ 85725 h 4410075"/>
              <a:gd name="connsiteX20" fmla="*/ 8267700 w 8315325"/>
              <a:gd name="connsiteY20" fmla="*/ 114300 h 4410075"/>
              <a:gd name="connsiteX21" fmla="*/ 8086725 w 8315325"/>
              <a:gd name="connsiteY21" fmla="*/ 219075 h 4410075"/>
              <a:gd name="connsiteX22" fmla="*/ 7991475 w 8315325"/>
              <a:gd name="connsiteY22" fmla="*/ 257175 h 4410075"/>
              <a:gd name="connsiteX23" fmla="*/ 7943850 w 8315325"/>
              <a:gd name="connsiteY23" fmla="*/ 352425 h 4410075"/>
              <a:gd name="connsiteX24" fmla="*/ 7820025 w 8315325"/>
              <a:gd name="connsiteY24" fmla="*/ 428625 h 4410075"/>
              <a:gd name="connsiteX25" fmla="*/ 7734300 w 8315325"/>
              <a:gd name="connsiteY25" fmla="*/ 590550 h 4410075"/>
              <a:gd name="connsiteX26" fmla="*/ 7667625 w 8315325"/>
              <a:gd name="connsiteY26" fmla="*/ 657225 h 4410075"/>
              <a:gd name="connsiteX27" fmla="*/ 7581900 w 8315325"/>
              <a:gd name="connsiteY27" fmla="*/ 742950 h 4410075"/>
              <a:gd name="connsiteX28" fmla="*/ 7467600 w 8315325"/>
              <a:gd name="connsiteY28" fmla="*/ 857250 h 4410075"/>
              <a:gd name="connsiteX29" fmla="*/ 7400925 w 8315325"/>
              <a:gd name="connsiteY29" fmla="*/ 942975 h 4410075"/>
              <a:gd name="connsiteX30" fmla="*/ 7343775 w 8315325"/>
              <a:gd name="connsiteY30" fmla="*/ 971550 h 4410075"/>
              <a:gd name="connsiteX31" fmla="*/ 7181850 w 8315325"/>
              <a:gd name="connsiteY31" fmla="*/ 1238250 h 4410075"/>
              <a:gd name="connsiteX32" fmla="*/ 6819900 w 8315325"/>
              <a:gd name="connsiteY32" fmla="*/ 1476375 h 4410075"/>
              <a:gd name="connsiteX33" fmla="*/ 6448425 w 8315325"/>
              <a:gd name="connsiteY33" fmla="*/ 1695450 h 4410075"/>
              <a:gd name="connsiteX34" fmla="*/ 6096000 w 8315325"/>
              <a:gd name="connsiteY34" fmla="*/ 1857375 h 4410075"/>
              <a:gd name="connsiteX35" fmla="*/ 5638800 w 8315325"/>
              <a:gd name="connsiteY35" fmla="*/ 2076450 h 4410075"/>
              <a:gd name="connsiteX36" fmla="*/ 5143500 w 8315325"/>
              <a:gd name="connsiteY36" fmla="*/ 2276475 h 4410075"/>
              <a:gd name="connsiteX37" fmla="*/ 4667250 w 8315325"/>
              <a:gd name="connsiteY37" fmla="*/ 2447925 h 4410075"/>
              <a:gd name="connsiteX38" fmla="*/ 4010025 w 8315325"/>
              <a:gd name="connsiteY38" fmla="*/ 2809875 h 4410075"/>
              <a:gd name="connsiteX39" fmla="*/ 4629150 w 8315325"/>
              <a:gd name="connsiteY39" fmla="*/ 2981325 h 4410075"/>
              <a:gd name="connsiteX40" fmla="*/ 5276850 w 8315325"/>
              <a:gd name="connsiteY40" fmla="*/ 3200400 h 4410075"/>
              <a:gd name="connsiteX41" fmla="*/ 8305800 w 8315325"/>
              <a:gd name="connsiteY41" fmla="*/ 4410075 h 4410075"/>
              <a:gd name="connsiteX42" fmla="*/ 0 w 8315325"/>
              <a:gd name="connsiteY42" fmla="*/ 4410075 h 4410075"/>
              <a:gd name="connsiteX43" fmla="*/ 19050 w 8315325"/>
              <a:gd name="connsiteY4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9663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7362825 w 8315325"/>
              <a:gd name="connsiteY15" fmla="*/ 333375 h 4410075"/>
              <a:gd name="connsiteX16" fmla="*/ 7924800 w 8315325"/>
              <a:gd name="connsiteY16" fmla="*/ 171450 h 4410075"/>
              <a:gd name="connsiteX17" fmla="*/ 8258175 w 8315325"/>
              <a:gd name="connsiteY17" fmla="*/ 0 h 4410075"/>
              <a:gd name="connsiteX18" fmla="*/ 8315325 w 8315325"/>
              <a:gd name="connsiteY18" fmla="*/ 47625 h 4410075"/>
              <a:gd name="connsiteX19" fmla="*/ 8305800 w 8315325"/>
              <a:gd name="connsiteY19" fmla="*/ 85725 h 4410075"/>
              <a:gd name="connsiteX20" fmla="*/ 8267700 w 8315325"/>
              <a:gd name="connsiteY20" fmla="*/ 114300 h 4410075"/>
              <a:gd name="connsiteX21" fmla="*/ 8086725 w 8315325"/>
              <a:gd name="connsiteY21" fmla="*/ 219075 h 4410075"/>
              <a:gd name="connsiteX22" fmla="*/ 7991475 w 8315325"/>
              <a:gd name="connsiteY22" fmla="*/ 257175 h 4410075"/>
              <a:gd name="connsiteX23" fmla="*/ 7943850 w 8315325"/>
              <a:gd name="connsiteY23" fmla="*/ 352425 h 4410075"/>
              <a:gd name="connsiteX24" fmla="*/ 7820025 w 8315325"/>
              <a:gd name="connsiteY24" fmla="*/ 428625 h 4410075"/>
              <a:gd name="connsiteX25" fmla="*/ 7734300 w 8315325"/>
              <a:gd name="connsiteY25" fmla="*/ 590550 h 4410075"/>
              <a:gd name="connsiteX26" fmla="*/ 7667625 w 8315325"/>
              <a:gd name="connsiteY26" fmla="*/ 657225 h 4410075"/>
              <a:gd name="connsiteX27" fmla="*/ 7581900 w 8315325"/>
              <a:gd name="connsiteY27" fmla="*/ 742950 h 4410075"/>
              <a:gd name="connsiteX28" fmla="*/ 7467600 w 8315325"/>
              <a:gd name="connsiteY28" fmla="*/ 857250 h 4410075"/>
              <a:gd name="connsiteX29" fmla="*/ 7400925 w 8315325"/>
              <a:gd name="connsiteY29" fmla="*/ 942975 h 4410075"/>
              <a:gd name="connsiteX30" fmla="*/ 7343775 w 8315325"/>
              <a:gd name="connsiteY30" fmla="*/ 971550 h 4410075"/>
              <a:gd name="connsiteX31" fmla="*/ 7181850 w 8315325"/>
              <a:gd name="connsiteY31" fmla="*/ 1238250 h 4410075"/>
              <a:gd name="connsiteX32" fmla="*/ 6819900 w 8315325"/>
              <a:gd name="connsiteY32" fmla="*/ 1476375 h 4410075"/>
              <a:gd name="connsiteX33" fmla="*/ 6448425 w 8315325"/>
              <a:gd name="connsiteY33" fmla="*/ 1695450 h 4410075"/>
              <a:gd name="connsiteX34" fmla="*/ 6096000 w 8315325"/>
              <a:gd name="connsiteY34" fmla="*/ 1857375 h 4410075"/>
              <a:gd name="connsiteX35" fmla="*/ 5638800 w 8315325"/>
              <a:gd name="connsiteY35" fmla="*/ 2076450 h 4410075"/>
              <a:gd name="connsiteX36" fmla="*/ 5143500 w 8315325"/>
              <a:gd name="connsiteY36" fmla="*/ 2276475 h 4410075"/>
              <a:gd name="connsiteX37" fmla="*/ 4667250 w 8315325"/>
              <a:gd name="connsiteY37" fmla="*/ 2447925 h 4410075"/>
              <a:gd name="connsiteX38" fmla="*/ 4010025 w 8315325"/>
              <a:gd name="connsiteY38" fmla="*/ 2809875 h 4410075"/>
              <a:gd name="connsiteX39" fmla="*/ 4629150 w 8315325"/>
              <a:gd name="connsiteY39" fmla="*/ 2981325 h 4410075"/>
              <a:gd name="connsiteX40" fmla="*/ 5276850 w 8315325"/>
              <a:gd name="connsiteY40" fmla="*/ 3200400 h 4410075"/>
              <a:gd name="connsiteX41" fmla="*/ 8305800 w 8315325"/>
              <a:gd name="connsiteY41" fmla="*/ 4410075 h 4410075"/>
              <a:gd name="connsiteX42" fmla="*/ 0 w 8315325"/>
              <a:gd name="connsiteY42" fmla="*/ 4410075 h 4410075"/>
              <a:gd name="connsiteX43" fmla="*/ 19050 w 8315325"/>
              <a:gd name="connsiteY4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7362825 w 8315325"/>
              <a:gd name="connsiteY15" fmla="*/ 333375 h 4410075"/>
              <a:gd name="connsiteX16" fmla="*/ 7924800 w 8315325"/>
              <a:gd name="connsiteY16" fmla="*/ 171450 h 4410075"/>
              <a:gd name="connsiteX17" fmla="*/ 8258175 w 8315325"/>
              <a:gd name="connsiteY17" fmla="*/ 0 h 4410075"/>
              <a:gd name="connsiteX18" fmla="*/ 8315325 w 8315325"/>
              <a:gd name="connsiteY18" fmla="*/ 47625 h 4410075"/>
              <a:gd name="connsiteX19" fmla="*/ 8305800 w 8315325"/>
              <a:gd name="connsiteY19" fmla="*/ 85725 h 4410075"/>
              <a:gd name="connsiteX20" fmla="*/ 8267700 w 8315325"/>
              <a:gd name="connsiteY20" fmla="*/ 114300 h 4410075"/>
              <a:gd name="connsiteX21" fmla="*/ 8086725 w 8315325"/>
              <a:gd name="connsiteY21" fmla="*/ 219075 h 4410075"/>
              <a:gd name="connsiteX22" fmla="*/ 7991475 w 8315325"/>
              <a:gd name="connsiteY22" fmla="*/ 257175 h 4410075"/>
              <a:gd name="connsiteX23" fmla="*/ 7943850 w 8315325"/>
              <a:gd name="connsiteY23" fmla="*/ 352425 h 4410075"/>
              <a:gd name="connsiteX24" fmla="*/ 7820025 w 8315325"/>
              <a:gd name="connsiteY24" fmla="*/ 428625 h 4410075"/>
              <a:gd name="connsiteX25" fmla="*/ 7734300 w 8315325"/>
              <a:gd name="connsiteY25" fmla="*/ 590550 h 4410075"/>
              <a:gd name="connsiteX26" fmla="*/ 7667625 w 8315325"/>
              <a:gd name="connsiteY26" fmla="*/ 657225 h 4410075"/>
              <a:gd name="connsiteX27" fmla="*/ 7581900 w 8315325"/>
              <a:gd name="connsiteY27" fmla="*/ 742950 h 4410075"/>
              <a:gd name="connsiteX28" fmla="*/ 7467600 w 8315325"/>
              <a:gd name="connsiteY28" fmla="*/ 857250 h 4410075"/>
              <a:gd name="connsiteX29" fmla="*/ 7400925 w 8315325"/>
              <a:gd name="connsiteY29" fmla="*/ 942975 h 4410075"/>
              <a:gd name="connsiteX30" fmla="*/ 7343775 w 8315325"/>
              <a:gd name="connsiteY30" fmla="*/ 971550 h 4410075"/>
              <a:gd name="connsiteX31" fmla="*/ 7181850 w 8315325"/>
              <a:gd name="connsiteY31" fmla="*/ 1238250 h 4410075"/>
              <a:gd name="connsiteX32" fmla="*/ 6819900 w 8315325"/>
              <a:gd name="connsiteY32" fmla="*/ 1476375 h 4410075"/>
              <a:gd name="connsiteX33" fmla="*/ 6448425 w 8315325"/>
              <a:gd name="connsiteY33" fmla="*/ 1695450 h 4410075"/>
              <a:gd name="connsiteX34" fmla="*/ 6096000 w 8315325"/>
              <a:gd name="connsiteY34" fmla="*/ 1857375 h 4410075"/>
              <a:gd name="connsiteX35" fmla="*/ 5638800 w 8315325"/>
              <a:gd name="connsiteY35" fmla="*/ 2076450 h 4410075"/>
              <a:gd name="connsiteX36" fmla="*/ 5143500 w 8315325"/>
              <a:gd name="connsiteY36" fmla="*/ 2276475 h 4410075"/>
              <a:gd name="connsiteX37" fmla="*/ 4667250 w 8315325"/>
              <a:gd name="connsiteY37" fmla="*/ 2447925 h 4410075"/>
              <a:gd name="connsiteX38" fmla="*/ 4010025 w 8315325"/>
              <a:gd name="connsiteY38" fmla="*/ 2809875 h 4410075"/>
              <a:gd name="connsiteX39" fmla="*/ 4629150 w 8315325"/>
              <a:gd name="connsiteY39" fmla="*/ 2981325 h 4410075"/>
              <a:gd name="connsiteX40" fmla="*/ 5276850 w 8315325"/>
              <a:gd name="connsiteY40" fmla="*/ 3200400 h 4410075"/>
              <a:gd name="connsiteX41" fmla="*/ 8305800 w 8315325"/>
              <a:gd name="connsiteY41" fmla="*/ 4410075 h 4410075"/>
              <a:gd name="connsiteX42" fmla="*/ 0 w 8315325"/>
              <a:gd name="connsiteY42" fmla="*/ 4410075 h 4410075"/>
              <a:gd name="connsiteX43" fmla="*/ 19050 w 8315325"/>
              <a:gd name="connsiteY4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657850 w 8315325"/>
              <a:gd name="connsiteY15" fmla="*/ 438150 h 4410075"/>
              <a:gd name="connsiteX16" fmla="*/ 7362825 w 8315325"/>
              <a:gd name="connsiteY16" fmla="*/ 333375 h 4410075"/>
              <a:gd name="connsiteX17" fmla="*/ 7924800 w 8315325"/>
              <a:gd name="connsiteY17" fmla="*/ 171450 h 4410075"/>
              <a:gd name="connsiteX18" fmla="*/ 8258175 w 8315325"/>
              <a:gd name="connsiteY18" fmla="*/ 0 h 4410075"/>
              <a:gd name="connsiteX19" fmla="*/ 8315325 w 8315325"/>
              <a:gd name="connsiteY19" fmla="*/ 47625 h 4410075"/>
              <a:gd name="connsiteX20" fmla="*/ 8305800 w 8315325"/>
              <a:gd name="connsiteY20" fmla="*/ 85725 h 4410075"/>
              <a:gd name="connsiteX21" fmla="*/ 8267700 w 8315325"/>
              <a:gd name="connsiteY21" fmla="*/ 114300 h 4410075"/>
              <a:gd name="connsiteX22" fmla="*/ 8086725 w 8315325"/>
              <a:gd name="connsiteY22" fmla="*/ 219075 h 4410075"/>
              <a:gd name="connsiteX23" fmla="*/ 7991475 w 8315325"/>
              <a:gd name="connsiteY23" fmla="*/ 257175 h 4410075"/>
              <a:gd name="connsiteX24" fmla="*/ 7943850 w 8315325"/>
              <a:gd name="connsiteY24" fmla="*/ 352425 h 4410075"/>
              <a:gd name="connsiteX25" fmla="*/ 7820025 w 8315325"/>
              <a:gd name="connsiteY25" fmla="*/ 428625 h 4410075"/>
              <a:gd name="connsiteX26" fmla="*/ 7734300 w 8315325"/>
              <a:gd name="connsiteY26" fmla="*/ 590550 h 4410075"/>
              <a:gd name="connsiteX27" fmla="*/ 7667625 w 8315325"/>
              <a:gd name="connsiteY27" fmla="*/ 657225 h 4410075"/>
              <a:gd name="connsiteX28" fmla="*/ 7581900 w 8315325"/>
              <a:gd name="connsiteY28" fmla="*/ 742950 h 4410075"/>
              <a:gd name="connsiteX29" fmla="*/ 7467600 w 8315325"/>
              <a:gd name="connsiteY29" fmla="*/ 857250 h 4410075"/>
              <a:gd name="connsiteX30" fmla="*/ 7400925 w 8315325"/>
              <a:gd name="connsiteY30" fmla="*/ 942975 h 4410075"/>
              <a:gd name="connsiteX31" fmla="*/ 7343775 w 8315325"/>
              <a:gd name="connsiteY31" fmla="*/ 971550 h 4410075"/>
              <a:gd name="connsiteX32" fmla="*/ 7181850 w 8315325"/>
              <a:gd name="connsiteY32" fmla="*/ 1238250 h 4410075"/>
              <a:gd name="connsiteX33" fmla="*/ 6819900 w 8315325"/>
              <a:gd name="connsiteY33" fmla="*/ 1476375 h 4410075"/>
              <a:gd name="connsiteX34" fmla="*/ 6448425 w 8315325"/>
              <a:gd name="connsiteY34" fmla="*/ 1695450 h 4410075"/>
              <a:gd name="connsiteX35" fmla="*/ 6096000 w 8315325"/>
              <a:gd name="connsiteY35" fmla="*/ 1857375 h 4410075"/>
              <a:gd name="connsiteX36" fmla="*/ 5638800 w 8315325"/>
              <a:gd name="connsiteY36" fmla="*/ 2076450 h 4410075"/>
              <a:gd name="connsiteX37" fmla="*/ 5143500 w 8315325"/>
              <a:gd name="connsiteY37" fmla="*/ 2276475 h 4410075"/>
              <a:gd name="connsiteX38" fmla="*/ 4667250 w 8315325"/>
              <a:gd name="connsiteY38" fmla="*/ 2447925 h 4410075"/>
              <a:gd name="connsiteX39" fmla="*/ 4010025 w 8315325"/>
              <a:gd name="connsiteY39" fmla="*/ 2809875 h 4410075"/>
              <a:gd name="connsiteX40" fmla="*/ 4629150 w 8315325"/>
              <a:gd name="connsiteY40" fmla="*/ 2981325 h 4410075"/>
              <a:gd name="connsiteX41" fmla="*/ 5276850 w 8315325"/>
              <a:gd name="connsiteY41" fmla="*/ 3200400 h 4410075"/>
              <a:gd name="connsiteX42" fmla="*/ 8305800 w 8315325"/>
              <a:gd name="connsiteY42" fmla="*/ 4410075 h 4410075"/>
              <a:gd name="connsiteX43" fmla="*/ 0 w 8315325"/>
              <a:gd name="connsiteY43" fmla="*/ 4410075 h 4410075"/>
              <a:gd name="connsiteX44" fmla="*/ 19050 w 8315325"/>
              <a:gd name="connsiteY4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7362825 w 8315325"/>
              <a:gd name="connsiteY16" fmla="*/ 333375 h 4410075"/>
              <a:gd name="connsiteX17" fmla="*/ 7924800 w 8315325"/>
              <a:gd name="connsiteY17" fmla="*/ 171450 h 4410075"/>
              <a:gd name="connsiteX18" fmla="*/ 8258175 w 8315325"/>
              <a:gd name="connsiteY18" fmla="*/ 0 h 4410075"/>
              <a:gd name="connsiteX19" fmla="*/ 8315325 w 8315325"/>
              <a:gd name="connsiteY19" fmla="*/ 47625 h 4410075"/>
              <a:gd name="connsiteX20" fmla="*/ 8305800 w 8315325"/>
              <a:gd name="connsiteY20" fmla="*/ 85725 h 4410075"/>
              <a:gd name="connsiteX21" fmla="*/ 8267700 w 8315325"/>
              <a:gd name="connsiteY21" fmla="*/ 114300 h 4410075"/>
              <a:gd name="connsiteX22" fmla="*/ 8086725 w 8315325"/>
              <a:gd name="connsiteY22" fmla="*/ 219075 h 4410075"/>
              <a:gd name="connsiteX23" fmla="*/ 7991475 w 8315325"/>
              <a:gd name="connsiteY23" fmla="*/ 257175 h 4410075"/>
              <a:gd name="connsiteX24" fmla="*/ 7943850 w 8315325"/>
              <a:gd name="connsiteY24" fmla="*/ 352425 h 4410075"/>
              <a:gd name="connsiteX25" fmla="*/ 7820025 w 8315325"/>
              <a:gd name="connsiteY25" fmla="*/ 428625 h 4410075"/>
              <a:gd name="connsiteX26" fmla="*/ 7734300 w 8315325"/>
              <a:gd name="connsiteY26" fmla="*/ 590550 h 4410075"/>
              <a:gd name="connsiteX27" fmla="*/ 7667625 w 8315325"/>
              <a:gd name="connsiteY27" fmla="*/ 657225 h 4410075"/>
              <a:gd name="connsiteX28" fmla="*/ 7581900 w 8315325"/>
              <a:gd name="connsiteY28" fmla="*/ 742950 h 4410075"/>
              <a:gd name="connsiteX29" fmla="*/ 7467600 w 8315325"/>
              <a:gd name="connsiteY29" fmla="*/ 857250 h 4410075"/>
              <a:gd name="connsiteX30" fmla="*/ 7400925 w 8315325"/>
              <a:gd name="connsiteY30" fmla="*/ 942975 h 4410075"/>
              <a:gd name="connsiteX31" fmla="*/ 7343775 w 8315325"/>
              <a:gd name="connsiteY31" fmla="*/ 971550 h 4410075"/>
              <a:gd name="connsiteX32" fmla="*/ 7181850 w 8315325"/>
              <a:gd name="connsiteY32" fmla="*/ 1238250 h 4410075"/>
              <a:gd name="connsiteX33" fmla="*/ 6819900 w 8315325"/>
              <a:gd name="connsiteY33" fmla="*/ 1476375 h 4410075"/>
              <a:gd name="connsiteX34" fmla="*/ 6448425 w 8315325"/>
              <a:gd name="connsiteY34" fmla="*/ 1695450 h 4410075"/>
              <a:gd name="connsiteX35" fmla="*/ 6096000 w 8315325"/>
              <a:gd name="connsiteY35" fmla="*/ 1857375 h 4410075"/>
              <a:gd name="connsiteX36" fmla="*/ 5638800 w 8315325"/>
              <a:gd name="connsiteY36" fmla="*/ 2076450 h 4410075"/>
              <a:gd name="connsiteX37" fmla="*/ 5143500 w 8315325"/>
              <a:gd name="connsiteY37" fmla="*/ 2276475 h 4410075"/>
              <a:gd name="connsiteX38" fmla="*/ 4667250 w 8315325"/>
              <a:gd name="connsiteY38" fmla="*/ 2447925 h 4410075"/>
              <a:gd name="connsiteX39" fmla="*/ 4010025 w 8315325"/>
              <a:gd name="connsiteY39" fmla="*/ 2809875 h 4410075"/>
              <a:gd name="connsiteX40" fmla="*/ 4629150 w 8315325"/>
              <a:gd name="connsiteY40" fmla="*/ 2981325 h 4410075"/>
              <a:gd name="connsiteX41" fmla="*/ 5276850 w 8315325"/>
              <a:gd name="connsiteY41" fmla="*/ 3200400 h 4410075"/>
              <a:gd name="connsiteX42" fmla="*/ 8305800 w 8315325"/>
              <a:gd name="connsiteY42" fmla="*/ 4410075 h 4410075"/>
              <a:gd name="connsiteX43" fmla="*/ 0 w 8315325"/>
              <a:gd name="connsiteY43" fmla="*/ 4410075 h 4410075"/>
              <a:gd name="connsiteX44" fmla="*/ 19050 w 8315325"/>
              <a:gd name="connsiteY4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762625 w 8315325"/>
              <a:gd name="connsiteY16" fmla="*/ 438150 h 4410075"/>
              <a:gd name="connsiteX17" fmla="*/ 7362825 w 8315325"/>
              <a:gd name="connsiteY17" fmla="*/ 333375 h 4410075"/>
              <a:gd name="connsiteX18" fmla="*/ 7924800 w 8315325"/>
              <a:gd name="connsiteY18" fmla="*/ 171450 h 4410075"/>
              <a:gd name="connsiteX19" fmla="*/ 8258175 w 8315325"/>
              <a:gd name="connsiteY19" fmla="*/ 0 h 4410075"/>
              <a:gd name="connsiteX20" fmla="*/ 8315325 w 8315325"/>
              <a:gd name="connsiteY20" fmla="*/ 47625 h 4410075"/>
              <a:gd name="connsiteX21" fmla="*/ 8305800 w 8315325"/>
              <a:gd name="connsiteY21" fmla="*/ 85725 h 4410075"/>
              <a:gd name="connsiteX22" fmla="*/ 8267700 w 8315325"/>
              <a:gd name="connsiteY22" fmla="*/ 114300 h 4410075"/>
              <a:gd name="connsiteX23" fmla="*/ 8086725 w 8315325"/>
              <a:gd name="connsiteY23" fmla="*/ 219075 h 4410075"/>
              <a:gd name="connsiteX24" fmla="*/ 7991475 w 8315325"/>
              <a:gd name="connsiteY24" fmla="*/ 257175 h 4410075"/>
              <a:gd name="connsiteX25" fmla="*/ 7943850 w 8315325"/>
              <a:gd name="connsiteY25" fmla="*/ 352425 h 4410075"/>
              <a:gd name="connsiteX26" fmla="*/ 7820025 w 8315325"/>
              <a:gd name="connsiteY26" fmla="*/ 428625 h 4410075"/>
              <a:gd name="connsiteX27" fmla="*/ 7734300 w 8315325"/>
              <a:gd name="connsiteY27" fmla="*/ 590550 h 4410075"/>
              <a:gd name="connsiteX28" fmla="*/ 7667625 w 8315325"/>
              <a:gd name="connsiteY28" fmla="*/ 657225 h 4410075"/>
              <a:gd name="connsiteX29" fmla="*/ 7581900 w 8315325"/>
              <a:gd name="connsiteY29" fmla="*/ 742950 h 4410075"/>
              <a:gd name="connsiteX30" fmla="*/ 7467600 w 8315325"/>
              <a:gd name="connsiteY30" fmla="*/ 857250 h 4410075"/>
              <a:gd name="connsiteX31" fmla="*/ 7400925 w 8315325"/>
              <a:gd name="connsiteY31" fmla="*/ 942975 h 4410075"/>
              <a:gd name="connsiteX32" fmla="*/ 7343775 w 8315325"/>
              <a:gd name="connsiteY32" fmla="*/ 971550 h 4410075"/>
              <a:gd name="connsiteX33" fmla="*/ 7181850 w 8315325"/>
              <a:gd name="connsiteY33" fmla="*/ 1238250 h 4410075"/>
              <a:gd name="connsiteX34" fmla="*/ 6819900 w 8315325"/>
              <a:gd name="connsiteY34" fmla="*/ 1476375 h 4410075"/>
              <a:gd name="connsiteX35" fmla="*/ 6448425 w 8315325"/>
              <a:gd name="connsiteY35" fmla="*/ 1695450 h 4410075"/>
              <a:gd name="connsiteX36" fmla="*/ 6096000 w 8315325"/>
              <a:gd name="connsiteY36" fmla="*/ 1857375 h 4410075"/>
              <a:gd name="connsiteX37" fmla="*/ 5638800 w 8315325"/>
              <a:gd name="connsiteY37" fmla="*/ 2076450 h 4410075"/>
              <a:gd name="connsiteX38" fmla="*/ 5143500 w 8315325"/>
              <a:gd name="connsiteY38" fmla="*/ 2276475 h 4410075"/>
              <a:gd name="connsiteX39" fmla="*/ 4667250 w 8315325"/>
              <a:gd name="connsiteY39" fmla="*/ 2447925 h 4410075"/>
              <a:gd name="connsiteX40" fmla="*/ 4010025 w 8315325"/>
              <a:gd name="connsiteY40" fmla="*/ 2809875 h 4410075"/>
              <a:gd name="connsiteX41" fmla="*/ 4629150 w 8315325"/>
              <a:gd name="connsiteY41" fmla="*/ 2981325 h 4410075"/>
              <a:gd name="connsiteX42" fmla="*/ 5276850 w 8315325"/>
              <a:gd name="connsiteY42" fmla="*/ 3200400 h 4410075"/>
              <a:gd name="connsiteX43" fmla="*/ 8305800 w 8315325"/>
              <a:gd name="connsiteY43" fmla="*/ 4410075 h 4410075"/>
              <a:gd name="connsiteX44" fmla="*/ 0 w 8315325"/>
              <a:gd name="connsiteY44" fmla="*/ 4410075 h 4410075"/>
              <a:gd name="connsiteX45" fmla="*/ 19050 w 8315325"/>
              <a:gd name="connsiteY4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76887 w 8315325"/>
              <a:gd name="connsiteY16" fmla="*/ 419100 h 4410075"/>
              <a:gd name="connsiteX17" fmla="*/ 7362825 w 8315325"/>
              <a:gd name="connsiteY17" fmla="*/ 333375 h 4410075"/>
              <a:gd name="connsiteX18" fmla="*/ 7924800 w 8315325"/>
              <a:gd name="connsiteY18" fmla="*/ 171450 h 4410075"/>
              <a:gd name="connsiteX19" fmla="*/ 8258175 w 8315325"/>
              <a:gd name="connsiteY19" fmla="*/ 0 h 4410075"/>
              <a:gd name="connsiteX20" fmla="*/ 8315325 w 8315325"/>
              <a:gd name="connsiteY20" fmla="*/ 47625 h 4410075"/>
              <a:gd name="connsiteX21" fmla="*/ 8305800 w 8315325"/>
              <a:gd name="connsiteY21" fmla="*/ 85725 h 4410075"/>
              <a:gd name="connsiteX22" fmla="*/ 8267700 w 8315325"/>
              <a:gd name="connsiteY22" fmla="*/ 114300 h 4410075"/>
              <a:gd name="connsiteX23" fmla="*/ 8086725 w 8315325"/>
              <a:gd name="connsiteY23" fmla="*/ 219075 h 4410075"/>
              <a:gd name="connsiteX24" fmla="*/ 7991475 w 8315325"/>
              <a:gd name="connsiteY24" fmla="*/ 257175 h 4410075"/>
              <a:gd name="connsiteX25" fmla="*/ 7943850 w 8315325"/>
              <a:gd name="connsiteY25" fmla="*/ 352425 h 4410075"/>
              <a:gd name="connsiteX26" fmla="*/ 7820025 w 8315325"/>
              <a:gd name="connsiteY26" fmla="*/ 428625 h 4410075"/>
              <a:gd name="connsiteX27" fmla="*/ 7734300 w 8315325"/>
              <a:gd name="connsiteY27" fmla="*/ 590550 h 4410075"/>
              <a:gd name="connsiteX28" fmla="*/ 7667625 w 8315325"/>
              <a:gd name="connsiteY28" fmla="*/ 657225 h 4410075"/>
              <a:gd name="connsiteX29" fmla="*/ 7581900 w 8315325"/>
              <a:gd name="connsiteY29" fmla="*/ 742950 h 4410075"/>
              <a:gd name="connsiteX30" fmla="*/ 7467600 w 8315325"/>
              <a:gd name="connsiteY30" fmla="*/ 857250 h 4410075"/>
              <a:gd name="connsiteX31" fmla="*/ 7400925 w 8315325"/>
              <a:gd name="connsiteY31" fmla="*/ 942975 h 4410075"/>
              <a:gd name="connsiteX32" fmla="*/ 7343775 w 8315325"/>
              <a:gd name="connsiteY32" fmla="*/ 971550 h 4410075"/>
              <a:gd name="connsiteX33" fmla="*/ 7181850 w 8315325"/>
              <a:gd name="connsiteY33" fmla="*/ 1238250 h 4410075"/>
              <a:gd name="connsiteX34" fmla="*/ 6819900 w 8315325"/>
              <a:gd name="connsiteY34" fmla="*/ 1476375 h 4410075"/>
              <a:gd name="connsiteX35" fmla="*/ 6448425 w 8315325"/>
              <a:gd name="connsiteY35" fmla="*/ 1695450 h 4410075"/>
              <a:gd name="connsiteX36" fmla="*/ 6096000 w 8315325"/>
              <a:gd name="connsiteY36" fmla="*/ 1857375 h 4410075"/>
              <a:gd name="connsiteX37" fmla="*/ 5638800 w 8315325"/>
              <a:gd name="connsiteY37" fmla="*/ 2076450 h 4410075"/>
              <a:gd name="connsiteX38" fmla="*/ 5143500 w 8315325"/>
              <a:gd name="connsiteY38" fmla="*/ 2276475 h 4410075"/>
              <a:gd name="connsiteX39" fmla="*/ 4667250 w 8315325"/>
              <a:gd name="connsiteY39" fmla="*/ 2447925 h 4410075"/>
              <a:gd name="connsiteX40" fmla="*/ 4010025 w 8315325"/>
              <a:gd name="connsiteY40" fmla="*/ 2809875 h 4410075"/>
              <a:gd name="connsiteX41" fmla="*/ 4629150 w 8315325"/>
              <a:gd name="connsiteY41" fmla="*/ 2981325 h 4410075"/>
              <a:gd name="connsiteX42" fmla="*/ 5276850 w 8315325"/>
              <a:gd name="connsiteY42" fmla="*/ 3200400 h 4410075"/>
              <a:gd name="connsiteX43" fmla="*/ 8305800 w 8315325"/>
              <a:gd name="connsiteY43" fmla="*/ 4410075 h 4410075"/>
              <a:gd name="connsiteX44" fmla="*/ 0 w 8315325"/>
              <a:gd name="connsiteY44" fmla="*/ 4410075 h 4410075"/>
              <a:gd name="connsiteX45" fmla="*/ 19050 w 8315325"/>
              <a:gd name="connsiteY4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76887 w 8315325"/>
              <a:gd name="connsiteY16" fmla="*/ 419100 h 4410075"/>
              <a:gd name="connsiteX17" fmla="*/ 5976938 w 8315325"/>
              <a:gd name="connsiteY17" fmla="*/ 395288 h 4410075"/>
              <a:gd name="connsiteX18" fmla="*/ 7362825 w 8315325"/>
              <a:gd name="connsiteY18" fmla="*/ 333375 h 4410075"/>
              <a:gd name="connsiteX19" fmla="*/ 7924800 w 8315325"/>
              <a:gd name="connsiteY19" fmla="*/ 171450 h 4410075"/>
              <a:gd name="connsiteX20" fmla="*/ 8258175 w 8315325"/>
              <a:gd name="connsiteY20" fmla="*/ 0 h 4410075"/>
              <a:gd name="connsiteX21" fmla="*/ 8315325 w 8315325"/>
              <a:gd name="connsiteY21" fmla="*/ 47625 h 4410075"/>
              <a:gd name="connsiteX22" fmla="*/ 8305800 w 8315325"/>
              <a:gd name="connsiteY22" fmla="*/ 85725 h 4410075"/>
              <a:gd name="connsiteX23" fmla="*/ 8267700 w 8315325"/>
              <a:gd name="connsiteY23" fmla="*/ 114300 h 4410075"/>
              <a:gd name="connsiteX24" fmla="*/ 8086725 w 8315325"/>
              <a:gd name="connsiteY24" fmla="*/ 219075 h 4410075"/>
              <a:gd name="connsiteX25" fmla="*/ 7991475 w 8315325"/>
              <a:gd name="connsiteY25" fmla="*/ 257175 h 4410075"/>
              <a:gd name="connsiteX26" fmla="*/ 7943850 w 8315325"/>
              <a:gd name="connsiteY26" fmla="*/ 352425 h 4410075"/>
              <a:gd name="connsiteX27" fmla="*/ 7820025 w 8315325"/>
              <a:gd name="connsiteY27" fmla="*/ 428625 h 4410075"/>
              <a:gd name="connsiteX28" fmla="*/ 7734300 w 8315325"/>
              <a:gd name="connsiteY28" fmla="*/ 590550 h 4410075"/>
              <a:gd name="connsiteX29" fmla="*/ 7667625 w 8315325"/>
              <a:gd name="connsiteY29" fmla="*/ 657225 h 4410075"/>
              <a:gd name="connsiteX30" fmla="*/ 7581900 w 8315325"/>
              <a:gd name="connsiteY30" fmla="*/ 742950 h 4410075"/>
              <a:gd name="connsiteX31" fmla="*/ 7467600 w 8315325"/>
              <a:gd name="connsiteY31" fmla="*/ 857250 h 4410075"/>
              <a:gd name="connsiteX32" fmla="*/ 7400925 w 8315325"/>
              <a:gd name="connsiteY32" fmla="*/ 942975 h 4410075"/>
              <a:gd name="connsiteX33" fmla="*/ 7343775 w 8315325"/>
              <a:gd name="connsiteY33" fmla="*/ 971550 h 4410075"/>
              <a:gd name="connsiteX34" fmla="*/ 7181850 w 8315325"/>
              <a:gd name="connsiteY34" fmla="*/ 1238250 h 4410075"/>
              <a:gd name="connsiteX35" fmla="*/ 6819900 w 8315325"/>
              <a:gd name="connsiteY35" fmla="*/ 1476375 h 4410075"/>
              <a:gd name="connsiteX36" fmla="*/ 6448425 w 8315325"/>
              <a:gd name="connsiteY36" fmla="*/ 1695450 h 4410075"/>
              <a:gd name="connsiteX37" fmla="*/ 6096000 w 8315325"/>
              <a:gd name="connsiteY37" fmla="*/ 1857375 h 4410075"/>
              <a:gd name="connsiteX38" fmla="*/ 5638800 w 8315325"/>
              <a:gd name="connsiteY38" fmla="*/ 2076450 h 4410075"/>
              <a:gd name="connsiteX39" fmla="*/ 5143500 w 8315325"/>
              <a:gd name="connsiteY39" fmla="*/ 2276475 h 4410075"/>
              <a:gd name="connsiteX40" fmla="*/ 4667250 w 8315325"/>
              <a:gd name="connsiteY40" fmla="*/ 2447925 h 4410075"/>
              <a:gd name="connsiteX41" fmla="*/ 4010025 w 8315325"/>
              <a:gd name="connsiteY41" fmla="*/ 2809875 h 4410075"/>
              <a:gd name="connsiteX42" fmla="*/ 4629150 w 8315325"/>
              <a:gd name="connsiteY42" fmla="*/ 2981325 h 4410075"/>
              <a:gd name="connsiteX43" fmla="*/ 5276850 w 8315325"/>
              <a:gd name="connsiteY43" fmla="*/ 3200400 h 4410075"/>
              <a:gd name="connsiteX44" fmla="*/ 8305800 w 8315325"/>
              <a:gd name="connsiteY44" fmla="*/ 4410075 h 4410075"/>
              <a:gd name="connsiteX45" fmla="*/ 0 w 8315325"/>
              <a:gd name="connsiteY45" fmla="*/ 4410075 h 4410075"/>
              <a:gd name="connsiteX46" fmla="*/ 19050 w 8315325"/>
              <a:gd name="connsiteY4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76887 w 8315325"/>
              <a:gd name="connsiteY16" fmla="*/ 419100 h 4410075"/>
              <a:gd name="connsiteX17" fmla="*/ 5586413 w 8315325"/>
              <a:gd name="connsiteY17" fmla="*/ 366713 h 4410075"/>
              <a:gd name="connsiteX18" fmla="*/ 7362825 w 8315325"/>
              <a:gd name="connsiteY18" fmla="*/ 333375 h 4410075"/>
              <a:gd name="connsiteX19" fmla="*/ 7924800 w 8315325"/>
              <a:gd name="connsiteY19" fmla="*/ 171450 h 4410075"/>
              <a:gd name="connsiteX20" fmla="*/ 8258175 w 8315325"/>
              <a:gd name="connsiteY20" fmla="*/ 0 h 4410075"/>
              <a:gd name="connsiteX21" fmla="*/ 8315325 w 8315325"/>
              <a:gd name="connsiteY21" fmla="*/ 47625 h 4410075"/>
              <a:gd name="connsiteX22" fmla="*/ 8305800 w 8315325"/>
              <a:gd name="connsiteY22" fmla="*/ 85725 h 4410075"/>
              <a:gd name="connsiteX23" fmla="*/ 8267700 w 8315325"/>
              <a:gd name="connsiteY23" fmla="*/ 114300 h 4410075"/>
              <a:gd name="connsiteX24" fmla="*/ 8086725 w 8315325"/>
              <a:gd name="connsiteY24" fmla="*/ 219075 h 4410075"/>
              <a:gd name="connsiteX25" fmla="*/ 7991475 w 8315325"/>
              <a:gd name="connsiteY25" fmla="*/ 257175 h 4410075"/>
              <a:gd name="connsiteX26" fmla="*/ 7943850 w 8315325"/>
              <a:gd name="connsiteY26" fmla="*/ 352425 h 4410075"/>
              <a:gd name="connsiteX27" fmla="*/ 7820025 w 8315325"/>
              <a:gd name="connsiteY27" fmla="*/ 428625 h 4410075"/>
              <a:gd name="connsiteX28" fmla="*/ 7734300 w 8315325"/>
              <a:gd name="connsiteY28" fmla="*/ 590550 h 4410075"/>
              <a:gd name="connsiteX29" fmla="*/ 7667625 w 8315325"/>
              <a:gd name="connsiteY29" fmla="*/ 657225 h 4410075"/>
              <a:gd name="connsiteX30" fmla="*/ 7581900 w 8315325"/>
              <a:gd name="connsiteY30" fmla="*/ 742950 h 4410075"/>
              <a:gd name="connsiteX31" fmla="*/ 7467600 w 8315325"/>
              <a:gd name="connsiteY31" fmla="*/ 857250 h 4410075"/>
              <a:gd name="connsiteX32" fmla="*/ 7400925 w 8315325"/>
              <a:gd name="connsiteY32" fmla="*/ 942975 h 4410075"/>
              <a:gd name="connsiteX33" fmla="*/ 7343775 w 8315325"/>
              <a:gd name="connsiteY33" fmla="*/ 971550 h 4410075"/>
              <a:gd name="connsiteX34" fmla="*/ 7181850 w 8315325"/>
              <a:gd name="connsiteY34" fmla="*/ 1238250 h 4410075"/>
              <a:gd name="connsiteX35" fmla="*/ 6819900 w 8315325"/>
              <a:gd name="connsiteY35" fmla="*/ 1476375 h 4410075"/>
              <a:gd name="connsiteX36" fmla="*/ 6448425 w 8315325"/>
              <a:gd name="connsiteY36" fmla="*/ 1695450 h 4410075"/>
              <a:gd name="connsiteX37" fmla="*/ 6096000 w 8315325"/>
              <a:gd name="connsiteY37" fmla="*/ 1857375 h 4410075"/>
              <a:gd name="connsiteX38" fmla="*/ 5638800 w 8315325"/>
              <a:gd name="connsiteY38" fmla="*/ 2076450 h 4410075"/>
              <a:gd name="connsiteX39" fmla="*/ 5143500 w 8315325"/>
              <a:gd name="connsiteY39" fmla="*/ 2276475 h 4410075"/>
              <a:gd name="connsiteX40" fmla="*/ 4667250 w 8315325"/>
              <a:gd name="connsiteY40" fmla="*/ 2447925 h 4410075"/>
              <a:gd name="connsiteX41" fmla="*/ 4010025 w 8315325"/>
              <a:gd name="connsiteY41" fmla="*/ 2809875 h 4410075"/>
              <a:gd name="connsiteX42" fmla="*/ 4629150 w 8315325"/>
              <a:gd name="connsiteY42" fmla="*/ 2981325 h 4410075"/>
              <a:gd name="connsiteX43" fmla="*/ 5276850 w 8315325"/>
              <a:gd name="connsiteY43" fmla="*/ 3200400 h 4410075"/>
              <a:gd name="connsiteX44" fmla="*/ 8305800 w 8315325"/>
              <a:gd name="connsiteY44" fmla="*/ 4410075 h 4410075"/>
              <a:gd name="connsiteX45" fmla="*/ 0 w 8315325"/>
              <a:gd name="connsiteY45" fmla="*/ 4410075 h 4410075"/>
              <a:gd name="connsiteX46" fmla="*/ 19050 w 8315325"/>
              <a:gd name="connsiteY4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76887 w 8315325"/>
              <a:gd name="connsiteY16" fmla="*/ 419100 h 4410075"/>
              <a:gd name="connsiteX17" fmla="*/ 5586413 w 8315325"/>
              <a:gd name="connsiteY17" fmla="*/ 366713 h 4410075"/>
              <a:gd name="connsiteX18" fmla="*/ 5905500 w 8315325"/>
              <a:gd name="connsiteY18" fmla="*/ 366713 h 4410075"/>
              <a:gd name="connsiteX19" fmla="*/ 7362825 w 8315325"/>
              <a:gd name="connsiteY19" fmla="*/ 333375 h 4410075"/>
              <a:gd name="connsiteX20" fmla="*/ 7924800 w 8315325"/>
              <a:gd name="connsiteY20" fmla="*/ 171450 h 4410075"/>
              <a:gd name="connsiteX21" fmla="*/ 8258175 w 8315325"/>
              <a:gd name="connsiteY21" fmla="*/ 0 h 4410075"/>
              <a:gd name="connsiteX22" fmla="*/ 8315325 w 8315325"/>
              <a:gd name="connsiteY22" fmla="*/ 47625 h 4410075"/>
              <a:gd name="connsiteX23" fmla="*/ 8305800 w 8315325"/>
              <a:gd name="connsiteY23" fmla="*/ 85725 h 4410075"/>
              <a:gd name="connsiteX24" fmla="*/ 8267700 w 8315325"/>
              <a:gd name="connsiteY24" fmla="*/ 114300 h 4410075"/>
              <a:gd name="connsiteX25" fmla="*/ 8086725 w 8315325"/>
              <a:gd name="connsiteY25" fmla="*/ 219075 h 4410075"/>
              <a:gd name="connsiteX26" fmla="*/ 7991475 w 8315325"/>
              <a:gd name="connsiteY26" fmla="*/ 257175 h 4410075"/>
              <a:gd name="connsiteX27" fmla="*/ 7943850 w 8315325"/>
              <a:gd name="connsiteY27" fmla="*/ 352425 h 4410075"/>
              <a:gd name="connsiteX28" fmla="*/ 7820025 w 8315325"/>
              <a:gd name="connsiteY28" fmla="*/ 428625 h 4410075"/>
              <a:gd name="connsiteX29" fmla="*/ 7734300 w 8315325"/>
              <a:gd name="connsiteY29" fmla="*/ 590550 h 4410075"/>
              <a:gd name="connsiteX30" fmla="*/ 7667625 w 8315325"/>
              <a:gd name="connsiteY30" fmla="*/ 657225 h 4410075"/>
              <a:gd name="connsiteX31" fmla="*/ 7581900 w 8315325"/>
              <a:gd name="connsiteY31" fmla="*/ 742950 h 4410075"/>
              <a:gd name="connsiteX32" fmla="*/ 7467600 w 8315325"/>
              <a:gd name="connsiteY32" fmla="*/ 857250 h 4410075"/>
              <a:gd name="connsiteX33" fmla="*/ 7400925 w 8315325"/>
              <a:gd name="connsiteY33" fmla="*/ 942975 h 4410075"/>
              <a:gd name="connsiteX34" fmla="*/ 7343775 w 8315325"/>
              <a:gd name="connsiteY34" fmla="*/ 971550 h 4410075"/>
              <a:gd name="connsiteX35" fmla="*/ 7181850 w 8315325"/>
              <a:gd name="connsiteY35" fmla="*/ 1238250 h 4410075"/>
              <a:gd name="connsiteX36" fmla="*/ 6819900 w 8315325"/>
              <a:gd name="connsiteY36" fmla="*/ 1476375 h 4410075"/>
              <a:gd name="connsiteX37" fmla="*/ 6448425 w 8315325"/>
              <a:gd name="connsiteY37" fmla="*/ 1695450 h 4410075"/>
              <a:gd name="connsiteX38" fmla="*/ 6096000 w 8315325"/>
              <a:gd name="connsiteY38" fmla="*/ 1857375 h 4410075"/>
              <a:gd name="connsiteX39" fmla="*/ 5638800 w 8315325"/>
              <a:gd name="connsiteY39" fmla="*/ 2076450 h 4410075"/>
              <a:gd name="connsiteX40" fmla="*/ 5143500 w 8315325"/>
              <a:gd name="connsiteY40" fmla="*/ 2276475 h 4410075"/>
              <a:gd name="connsiteX41" fmla="*/ 4667250 w 8315325"/>
              <a:gd name="connsiteY41" fmla="*/ 2447925 h 4410075"/>
              <a:gd name="connsiteX42" fmla="*/ 4010025 w 8315325"/>
              <a:gd name="connsiteY42" fmla="*/ 2809875 h 4410075"/>
              <a:gd name="connsiteX43" fmla="*/ 4629150 w 8315325"/>
              <a:gd name="connsiteY43" fmla="*/ 2981325 h 4410075"/>
              <a:gd name="connsiteX44" fmla="*/ 5276850 w 8315325"/>
              <a:gd name="connsiteY44" fmla="*/ 3200400 h 4410075"/>
              <a:gd name="connsiteX45" fmla="*/ 8305800 w 8315325"/>
              <a:gd name="connsiteY45" fmla="*/ 4410075 h 4410075"/>
              <a:gd name="connsiteX46" fmla="*/ 0 w 8315325"/>
              <a:gd name="connsiteY46" fmla="*/ 4410075 h 4410075"/>
              <a:gd name="connsiteX47" fmla="*/ 19050 w 8315325"/>
              <a:gd name="connsiteY4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76887 w 8315325"/>
              <a:gd name="connsiteY16" fmla="*/ 419100 h 4410075"/>
              <a:gd name="connsiteX17" fmla="*/ 5586413 w 8315325"/>
              <a:gd name="connsiteY17" fmla="*/ 366713 h 4410075"/>
              <a:gd name="connsiteX18" fmla="*/ 5791200 w 8315325"/>
              <a:gd name="connsiteY18" fmla="*/ 328613 h 4410075"/>
              <a:gd name="connsiteX19" fmla="*/ 7362825 w 8315325"/>
              <a:gd name="connsiteY19" fmla="*/ 333375 h 4410075"/>
              <a:gd name="connsiteX20" fmla="*/ 7924800 w 8315325"/>
              <a:gd name="connsiteY20" fmla="*/ 171450 h 4410075"/>
              <a:gd name="connsiteX21" fmla="*/ 8258175 w 8315325"/>
              <a:gd name="connsiteY21" fmla="*/ 0 h 4410075"/>
              <a:gd name="connsiteX22" fmla="*/ 8315325 w 8315325"/>
              <a:gd name="connsiteY22" fmla="*/ 47625 h 4410075"/>
              <a:gd name="connsiteX23" fmla="*/ 8305800 w 8315325"/>
              <a:gd name="connsiteY23" fmla="*/ 85725 h 4410075"/>
              <a:gd name="connsiteX24" fmla="*/ 8267700 w 8315325"/>
              <a:gd name="connsiteY24" fmla="*/ 114300 h 4410075"/>
              <a:gd name="connsiteX25" fmla="*/ 8086725 w 8315325"/>
              <a:gd name="connsiteY25" fmla="*/ 219075 h 4410075"/>
              <a:gd name="connsiteX26" fmla="*/ 7991475 w 8315325"/>
              <a:gd name="connsiteY26" fmla="*/ 257175 h 4410075"/>
              <a:gd name="connsiteX27" fmla="*/ 7943850 w 8315325"/>
              <a:gd name="connsiteY27" fmla="*/ 352425 h 4410075"/>
              <a:gd name="connsiteX28" fmla="*/ 7820025 w 8315325"/>
              <a:gd name="connsiteY28" fmla="*/ 428625 h 4410075"/>
              <a:gd name="connsiteX29" fmla="*/ 7734300 w 8315325"/>
              <a:gd name="connsiteY29" fmla="*/ 590550 h 4410075"/>
              <a:gd name="connsiteX30" fmla="*/ 7667625 w 8315325"/>
              <a:gd name="connsiteY30" fmla="*/ 657225 h 4410075"/>
              <a:gd name="connsiteX31" fmla="*/ 7581900 w 8315325"/>
              <a:gd name="connsiteY31" fmla="*/ 742950 h 4410075"/>
              <a:gd name="connsiteX32" fmla="*/ 7467600 w 8315325"/>
              <a:gd name="connsiteY32" fmla="*/ 857250 h 4410075"/>
              <a:gd name="connsiteX33" fmla="*/ 7400925 w 8315325"/>
              <a:gd name="connsiteY33" fmla="*/ 942975 h 4410075"/>
              <a:gd name="connsiteX34" fmla="*/ 7343775 w 8315325"/>
              <a:gd name="connsiteY34" fmla="*/ 971550 h 4410075"/>
              <a:gd name="connsiteX35" fmla="*/ 7181850 w 8315325"/>
              <a:gd name="connsiteY35" fmla="*/ 1238250 h 4410075"/>
              <a:gd name="connsiteX36" fmla="*/ 6819900 w 8315325"/>
              <a:gd name="connsiteY36" fmla="*/ 1476375 h 4410075"/>
              <a:gd name="connsiteX37" fmla="*/ 6448425 w 8315325"/>
              <a:gd name="connsiteY37" fmla="*/ 1695450 h 4410075"/>
              <a:gd name="connsiteX38" fmla="*/ 6096000 w 8315325"/>
              <a:gd name="connsiteY38" fmla="*/ 1857375 h 4410075"/>
              <a:gd name="connsiteX39" fmla="*/ 5638800 w 8315325"/>
              <a:gd name="connsiteY39" fmla="*/ 2076450 h 4410075"/>
              <a:gd name="connsiteX40" fmla="*/ 5143500 w 8315325"/>
              <a:gd name="connsiteY40" fmla="*/ 2276475 h 4410075"/>
              <a:gd name="connsiteX41" fmla="*/ 4667250 w 8315325"/>
              <a:gd name="connsiteY41" fmla="*/ 2447925 h 4410075"/>
              <a:gd name="connsiteX42" fmla="*/ 4010025 w 8315325"/>
              <a:gd name="connsiteY42" fmla="*/ 2809875 h 4410075"/>
              <a:gd name="connsiteX43" fmla="*/ 4629150 w 8315325"/>
              <a:gd name="connsiteY43" fmla="*/ 2981325 h 4410075"/>
              <a:gd name="connsiteX44" fmla="*/ 5276850 w 8315325"/>
              <a:gd name="connsiteY44" fmla="*/ 3200400 h 4410075"/>
              <a:gd name="connsiteX45" fmla="*/ 8305800 w 8315325"/>
              <a:gd name="connsiteY45" fmla="*/ 4410075 h 4410075"/>
              <a:gd name="connsiteX46" fmla="*/ 0 w 8315325"/>
              <a:gd name="connsiteY46" fmla="*/ 4410075 h 4410075"/>
              <a:gd name="connsiteX47" fmla="*/ 19050 w 8315325"/>
              <a:gd name="connsiteY4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7362825 w 8315325"/>
              <a:gd name="connsiteY19" fmla="*/ 333375 h 4410075"/>
              <a:gd name="connsiteX20" fmla="*/ 7924800 w 8315325"/>
              <a:gd name="connsiteY20" fmla="*/ 171450 h 4410075"/>
              <a:gd name="connsiteX21" fmla="*/ 8258175 w 8315325"/>
              <a:gd name="connsiteY21" fmla="*/ 0 h 4410075"/>
              <a:gd name="connsiteX22" fmla="*/ 8315325 w 8315325"/>
              <a:gd name="connsiteY22" fmla="*/ 47625 h 4410075"/>
              <a:gd name="connsiteX23" fmla="*/ 8305800 w 8315325"/>
              <a:gd name="connsiteY23" fmla="*/ 85725 h 4410075"/>
              <a:gd name="connsiteX24" fmla="*/ 8267700 w 8315325"/>
              <a:gd name="connsiteY24" fmla="*/ 114300 h 4410075"/>
              <a:gd name="connsiteX25" fmla="*/ 8086725 w 8315325"/>
              <a:gd name="connsiteY25" fmla="*/ 219075 h 4410075"/>
              <a:gd name="connsiteX26" fmla="*/ 7991475 w 8315325"/>
              <a:gd name="connsiteY26" fmla="*/ 257175 h 4410075"/>
              <a:gd name="connsiteX27" fmla="*/ 7943850 w 8315325"/>
              <a:gd name="connsiteY27" fmla="*/ 352425 h 4410075"/>
              <a:gd name="connsiteX28" fmla="*/ 7820025 w 8315325"/>
              <a:gd name="connsiteY28" fmla="*/ 428625 h 4410075"/>
              <a:gd name="connsiteX29" fmla="*/ 7734300 w 8315325"/>
              <a:gd name="connsiteY29" fmla="*/ 590550 h 4410075"/>
              <a:gd name="connsiteX30" fmla="*/ 7667625 w 8315325"/>
              <a:gd name="connsiteY30" fmla="*/ 657225 h 4410075"/>
              <a:gd name="connsiteX31" fmla="*/ 7581900 w 8315325"/>
              <a:gd name="connsiteY31" fmla="*/ 742950 h 4410075"/>
              <a:gd name="connsiteX32" fmla="*/ 7467600 w 8315325"/>
              <a:gd name="connsiteY32" fmla="*/ 857250 h 4410075"/>
              <a:gd name="connsiteX33" fmla="*/ 7400925 w 8315325"/>
              <a:gd name="connsiteY33" fmla="*/ 942975 h 4410075"/>
              <a:gd name="connsiteX34" fmla="*/ 7343775 w 8315325"/>
              <a:gd name="connsiteY34" fmla="*/ 971550 h 4410075"/>
              <a:gd name="connsiteX35" fmla="*/ 7181850 w 8315325"/>
              <a:gd name="connsiteY35" fmla="*/ 1238250 h 4410075"/>
              <a:gd name="connsiteX36" fmla="*/ 6819900 w 8315325"/>
              <a:gd name="connsiteY36" fmla="*/ 1476375 h 4410075"/>
              <a:gd name="connsiteX37" fmla="*/ 6448425 w 8315325"/>
              <a:gd name="connsiteY37" fmla="*/ 1695450 h 4410075"/>
              <a:gd name="connsiteX38" fmla="*/ 6096000 w 8315325"/>
              <a:gd name="connsiteY38" fmla="*/ 1857375 h 4410075"/>
              <a:gd name="connsiteX39" fmla="*/ 5638800 w 8315325"/>
              <a:gd name="connsiteY39" fmla="*/ 2076450 h 4410075"/>
              <a:gd name="connsiteX40" fmla="*/ 5143500 w 8315325"/>
              <a:gd name="connsiteY40" fmla="*/ 2276475 h 4410075"/>
              <a:gd name="connsiteX41" fmla="*/ 4667250 w 8315325"/>
              <a:gd name="connsiteY41" fmla="*/ 2447925 h 4410075"/>
              <a:gd name="connsiteX42" fmla="*/ 4010025 w 8315325"/>
              <a:gd name="connsiteY42" fmla="*/ 2809875 h 4410075"/>
              <a:gd name="connsiteX43" fmla="*/ 4629150 w 8315325"/>
              <a:gd name="connsiteY43" fmla="*/ 2981325 h 4410075"/>
              <a:gd name="connsiteX44" fmla="*/ 5276850 w 8315325"/>
              <a:gd name="connsiteY44" fmla="*/ 3200400 h 4410075"/>
              <a:gd name="connsiteX45" fmla="*/ 8305800 w 8315325"/>
              <a:gd name="connsiteY45" fmla="*/ 4410075 h 4410075"/>
              <a:gd name="connsiteX46" fmla="*/ 0 w 8315325"/>
              <a:gd name="connsiteY46" fmla="*/ 4410075 h 4410075"/>
              <a:gd name="connsiteX47" fmla="*/ 19050 w 8315325"/>
              <a:gd name="connsiteY4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6329363 w 8315325"/>
              <a:gd name="connsiteY19" fmla="*/ 333375 h 4410075"/>
              <a:gd name="connsiteX20" fmla="*/ 7362825 w 8315325"/>
              <a:gd name="connsiteY20" fmla="*/ 333375 h 4410075"/>
              <a:gd name="connsiteX21" fmla="*/ 7924800 w 8315325"/>
              <a:gd name="connsiteY21" fmla="*/ 171450 h 4410075"/>
              <a:gd name="connsiteX22" fmla="*/ 8258175 w 8315325"/>
              <a:gd name="connsiteY22" fmla="*/ 0 h 4410075"/>
              <a:gd name="connsiteX23" fmla="*/ 8315325 w 8315325"/>
              <a:gd name="connsiteY23" fmla="*/ 47625 h 4410075"/>
              <a:gd name="connsiteX24" fmla="*/ 8305800 w 8315325"/>
              <a:gd name="connsiteY24" fmla="*/ 85725 h 4410075"/>
              <a:gd name="connsiteX25" fmla="*/ 8267700 w 8315325"/>
              <a:gd name="connsiteY25" fmla="*/ 114300 h 4410075"/>
              <a:gd name="connsiteX26" fmla="*/ 8086725 w 8315325"/>
              <a:gd name="connsiteY26" fmla="*/ 219075 h 4410075"/>
              <a:gd name="connsiteX27" fmla="*/ 7991475 w 8315325"/>
              <a:gd name="connsiteY27" fmla="*/ 257175 h 4410075"/>
              <a:gd name="connsiteX28" fmla="*/ 7943850 w 8315325"/>
              <a:gd name="connsiteY28" fmla="*/ 352425 h 4410075"/>
              <a:gd name="connsiteX29" fmla="*/ 7820025 w 8315325"/>
              <a:gd name="connsiteY29" fmla="*/ 428625 h 4410075"/>
              <a:gd name="connsiteX30" fmla="*/ 7734300 w 8315325"/>
              <a:gd name="connsiteY30" fmla="*/ 590550 h 4410075"/>
              <a:gd name="connsiteX31" fmla="*/ 7667625 w 8315325"/>
              <a:gd name="connsiteY31" fmla="*/ 657225 h 4410075"/>
              <a:gd name="connsiteX32" fmla="*/ 7581900 w 8315325"/>
              <a:gd name="connsiteY32" fmla="*/ 742950 h 4410075"/>
              <a:gd name="connsiteX33" fmla="*/ 7467600 w 8315325"/>
              <a:gd name="connsiteY33" fmla="*/ 857250 h 4410075"/>
              <a:gd name="connsiteX34" fmla="*/ 7400925 w 8315325"/>
              <a:gd name="connsiteY34" fmla="*/ 942975 h 4410075"/>
              <a:gd name="connsiteX35" fmla="*/ 7343775 w 8315325"/>
              <a:gd name="connsiteY35" fmla="*/ 971550 h 4410075"/>
              <a:gd name="connsiteX36" fmla="*/ 7181850 w 8315325"/>
              <a:gd name="connsiteY36" fmla="*/ 1238250 h 4410075"/>
              <a:gd name="connsiteX37" fmla="*/ 6819900 w 8315325"/>
              <a:gd name="connsiteY37" fmla="*/ 1476375 h 4410075"/>
              <a:gd name="connsiteX38" fmla="*/ 6448425 w 8315325"/>
              <a:gd name="connsiteY38" fmla="*/ 1695450 h 4410075"/>
              <a:gd name="connsiteX39" fmla="*/ 6096000 w 8315325"/>
              <a:gd name="connsiteY39" fmla="*/ 1857375 h 4410075"/>
              <a:gd name="connsiteX40" fmla="*/ 5638800 w 8315325"/>
              <a:gd name="connsiteY40" fmla="*/ 2076450 h 4410075"/>
              <a:gd name="connsiteX41" fmla="*/ 5143500 w 8315325"/>
              <a:gd name="connsiteY41" fmla="*/ 2276475 h 4410075"/>
              <a:gd name="connsiteX42" fmla="*/ 4667250 w 8315325"/>
              <a:gd name="connsiteY42" fmla="*/ 2447925 h 4410075"/>
              <a:gd name="connsiteX43" fmla="*/ 4010025 w 8315325"/>
              <a:gd name="connsiteY43" fmla="*/ 2809875 h 4410075"/>
              <a:gd name="connsiteX44" fmla="*/ 4629150 w 8315325"/>
              <a:gd name="connsiteY44" fmla="*/ 2981325 h 4410075"/>
              <a:gd name="connsiteX45" fmla="*/ 5276850 w 8315325"/>
              <a:gd name="connsiteY45" fmla="*/ 3200400 h 4410075"/>
              <a:gd name="connsiteX46" fmla="*/ 8305800 w 8315325"/>
              <a:gd name="connsiteY46" fmla="*/ 4410075 h 4410075"/>
              <a:gd name="connsiteX47" fmla="*/ 0 w 8315325"/>
              <a:gd name="connsiteY47" fmla="*/ 4410075 h 4410075"/>
              <a:gd name="connsiteX48" fmla="*/ 19050 w 8315325"/>
              <a:gd name="connsiteY4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6329363 w 8315325"/>
              <a:gd name="connsiteY19" fmla="*/ 595313 h 4410075"/>
              <a:gd name="connsiteX20" fmla="*/ 7362825 w 8315325"/>
              <a:gd name="connsiteY20" fmla="*/ 333375 h 4410075"/>
              <a:gd name="connsiteX21" fmla="*/ 7924800 w 8315325"/>
              <a:gd name="connsiteY21" fmla="*/ 171450 h 4410075"/>
              <a:gd name="connsiteX22" fmla="*/ 8258175 w 8315325"/>
              <a:gd name="connsiteY22" fmla="*/ 0 h 4410075"/>
              <a:gd name="connsiteX23" fmla="*/ 8315325 w 8315325"/>
              <a:gd name="connsiteY23" fmla="*/ 47625 h 4410075"/>
              <a:gd name="connsiteX24" fmla="*/ 8305800 w 8315325"/>
              <a:gd name="connsiteY24" fmla="*/ 85725 h 4410075"/>
              <a:gd name="connsiteX25" fmla="*/ 8267700 w 8315325"/>
              <a:gd name="connsiteY25" fmla="*/ 114300 h 4410075"/>
              <a:gd name="connsiteX26" fmla="*/ 8086725 w 8315325"/>
              <a:gd name="connsiteY26" fmla="*/ 219075 h 4410075"/>
              <a:gd name="connsiteX27" fmla="*/ 7991475 w 8315325"/>
              <a:gd name="connsiteY27" fmla="*/ 257175 h 4410075"/>
              <a:gd name="connsiteX28" fmla="*/ 7943850 w 8315325"/>
              <a:gd name="connsiteY28" fmla="*/ 352425 h 4410075"/>
              <a:gd name="connsiteX29" fmla="*/ 7820025 w 8315325"/>
              <a:gd name="connsiteY29" fmla="*/ 428625 h 4410075"/>
              <a:gd name="connsiteX30" fmla="*/ 7734300 w 8315325"/>
              <a:gd name="connsiteY30" fmla="*/ 590550 h 4410075"/>
              <a:gd name="connsiteX31" fmla="*/ 7667625 w 8315325"/>
              <a:gd name="connsiteY31" fmla="*/ 657225 h 4410075"/>
              <a:gd name="connsiteX32" fmla="*/ 7581900 w 8315325"/>
              <a:gd name="connsiteY32" fmla="*/ 742950 h 4410075"/>
              <a:gd name="connsiteX33" fmla="*/ 7467600 w 8315325"/>
              <a:gd name="connsiteY33" fmla="*/ 857250 h 4410075"/>
              <a:gd name="connsiteX34" fmla="*/ 7400925 w 8315325"/>
              <a:gd name="connsiteY34" fmla="*/ 942975 h 4410075"/>
              <a:gd name="connsiteX35" fmla="*/ 7343775 w 8315325"/>
              <a:gd name="connsiteY35" fmla="*/ 971550 h 4410075"/>
              <a:gd name="connsiteX36" fmla="*/ 7181850 w 8315325"/>
              <a:gd name="connsiteY36" fmla="*/ 1238250 h 4410075"/>
              <a:gd name="connsiteX37" fmla="*/ 6819900 w 8315325"/>
              <a:gd name="connsiteY37" fmla="*/ 1476375 h 4410075"/>
              <a:gd name="connsiteX38" fmla="*/ 6448425 w 8315325"/>
              <a:gd name="connsiteY38" fmla="*/ 1695450 h 4410075"/>
              <a:gd name="connsiteX39" fmla="*/ 6096000 w 8315325"/>
              <a:gd name="connsiteY39" fmla="*/ 1857375 h 4410075"/>
              <a:gd name="connsiteX40" fmla="*/ 5638800 w 8315325"/>
              <a:gd name="connsiteY40" fmla="*/ 2076450 h 4410075"/>
              <a:gd name="connsiteX41" fmla="*/ 5143500 w 8315325"/>
              <a:gd name="connsiteY41" fmla="*/ 2276475 h 4410075"/>
              <a:gd name="connsiteX42" fmla="*/ 4667250 w 8315325"/>
              <a:gd name="connsiteY42" fmla="*/ 2447925 h 4410075"/>
              <a:gd name="connsiteX43" fmla="*/ 4010025 w 8315325"/>
              <a:gd name="connsiteY43" fmla="*/ 2809875 h 4410075"/>
              <a:gd name="connsiteX44" fmla="*/ 4629150 w 8315325"/>
              <a:gd name="connsiteY44" fmla="*/ 2981325 h 4410075"/>
              <a:gd name="connsiteX45" fmla="*/ 5276850 w 8315325"/>
              <a:gd name="connsiteY45" fmla="*/ 3200400 h 4410075"/>
              <a:gd name="connsiteX46" fmla="*/ 8305800 w 8315325"/>
              <a:gd name="connsiteY46" fmla="*/ 4410075 h 4410075"/>
              <a:gd name="connsiteX47" fmla="*/ 0 w 8315325"/>
              <a:gd name="connsiteY47" fmla="*/ 4410075 h 4410075"/>
              <a:gd name="connsiteX48" fmla="*/ 19050 w 8315325"/>
              <a:gd name="connsiteY4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7362825 w 8315325"/>
              <a:gd name="connsiteY20" fmla="*/ 333375 h 4410075"/>
              <a:gd name="connsiteX21" fmla="*/ 7924800 w 8315325"/>
              <a:gd name="connsiteY21" fmla="*/ 171450 h 4410075"/>
              <a:gd name="connsiteX22" fmla="*/ 8258175 w 8315325"/>
              <a:gd name="connsiteY22" fmla="*/ 0 h 4410075"/>
              <a:gd name="connsiteX23" fmla="*/ 8315325 w 8315325"/>
              <a:gd name="connsiteY23" fmla="*/ 47625 h 4410075"/>
              <a:gd name="connsiteX24" fmla="*/ 8305800 w 8315325"/>
              <a:gd name="connsiteY24" fmla="*/ 85725 h 4410075"/>
              <a:gd name="connsiteX25" fmla="*/ 8267700 w 8315325"/>
              <a:gd name="connsiteY25" fmla="*/ 114300 h 4410075"/>
              <a:gd name="connsiteX26" fmla="*/ 8086725 w 8315325"/>
              <a:gd name="connsiteY26" fmla="*/ 219075 h 4410075"/>
              <a:gd name="connsiteX27" fmla="*/ 7991475 w 8315325"/>
              <a:gd name="connsiteY27" fmla="*/ 257175 h 4410075"/>
              <a:gd name="connsiteX28" fmla="*/ 7943850 w 8315325"/>
              <a:gd name="connsiteY28" fmla="*/ 352425 h 4410075"/>
              <a:gd name="connsiteX29" fmla="*/ 7820025 w 8315325"/>
              <a:gd name="connsiteY29" fmla="*/ 428625 h 4410075"/>
              <a:gd name="connsiteX30" fmla="*/ 7734300 w 8315325"/>
              <a:gd name="connsiteY30" fmla="*/ 590550 h 4410075"/>
              <a:gd name="connsiteX31" fmla="*/ 7667625 w 8315325"/>
              <a:gd name="connsiteY31" fmla="*/ 657225 h 4410075"/>
              <a:gd name="connsiteX32" fmla="*/ 7581900 w 8315325"/>
              <a:gd name="connsiteY32" fmla="*/ 742950 h 4410075"/>
              <a:gd name="connsiteX33" fmla="*/ 7467600 w 8315325"/>
              <a:gd name="connsiteY33" fmla="*/ 857250 h 4410075"/>
              <a:gd name="connsiteX34" fmla="*/ 7400925 w 8315325"/>
              <a:gd name="connsiteY34" fmla="*/ 942975 h 4410075"/>
              <a:gd name="connsiteX35" fmla="*/ 7343775 w 8315325"/>
              <a:gd name="connsiteY35" fmla="*/ 971550 h 4410075"/>
              <a:gd name="connsiteX36" fmla="*/ 7181850 w 8315325"/>
              <a:gd name="connsiteY36" fmla="*/ 1238250 h 4410075"/>
              <a:gd name="connsiteX37" fmla="*/ 6819900 w 8315325"/>
              <a:gd name="connsiteY37" fmla="*/ 1476375 h 4410075"/>
              <a:gd name="connsiteX38" fmla="*/ 6448425 w 8315325"/>
              <a:gd name="connsiteY38" fmla="*/ 1695450 h 4410075"/>
              <a:gd name="connsiteX39" fmla="*/ 6096000 w 8315325"/>
              <a:gd name="connsiteY39" fmla="*/ 1857375 h 4410075"/>
              <a:gd name="connsiteX40" fmla="*/ 5638800 w 8315325"/>
              <a:gd name="connsiteY40" fmla="*/ 2076450 h 4410075"/>
              <a:gd name="connsiteX41" fmla="*/ 5143500 w 8315325"/>
              <a:gd name="connsiteY41" fmla="*/ 2276475 h 4410075"/>
              <a:gd name="connsiteX42" fmla="*/ 4667250 w 8315325"/>
              <a:gd name="connsiteY42" fmla="*/ 2447925 h 4410075"/>
              <a:gd name="connsiteX43" fmla="*/ 4010025 w 8315325"/>
              <a:gd name="connsiteY43" fmla="*/ 2809875 h 4410075"/>
              <a:gd name="connsiteX44" fmla="*/ 4629150 w 8315325"/>
              <a:gd name="connsiteY44" fmla="*/ 2981325 h 4410075"/>
              <a:gd name="connsiteX45" fmla="*/ 5276850 w 8315325"/>
              <a:gd name="connsiteY45" fmla="*/ 3200400 h 4410075"/>
              <a:gd name="connsiteX46" fmla="*/ 8305800 w 8315325"/>
              <a:gd name="connsiteY46" fmla="*/ 4410075 h 4410075"/>
              <a:gd name="connsiteX47" fmla="*/ 0 w 8315325"/>
              <a:gd name="connsiteY47" fmla="*/ 4410075 h 4410075"/>
              <a:gd name="connsiteX48" fmla="*/ 19050 w 8315325"/>
              <a:gd name="connsiteY4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6124575 w 8315325"/>
              <a:gd name="connsiteY20" fmla="*/ 323850 h 4410075"/>
              <a:gd name="connsiteX21" fmla="*/ 7362825 w 8315325"/>
              <a:gd name="connsiteY21" fmla="*/ 333375 h 4410075"/>
              <a:gd name="connsiteX22" fmla="*/ 7924800 w 8315325"/>
              <a:gd name="connsiteY22" fmla="*/ 171450 h 4410075"/>
              <a:gd name="connsiteX23" fmla="*/ 8258175 w 8315325"/>
              <a:gd name="connsiteY23" fmla="*/ 0 h 4410075"/>
              <a:gd name="connsiteX24" fmla="*/ 8315325 w 8315325"/>
              <a:gd name="connsiteY24" fmla="*/ 47625 h 4410075"/>
              <a:gd name="connsiteX25" fmla="*/ 8305800 w 8315325"/>
              <a:gd name="connsiteY25" fmla="*/ 85725 h 4410075"/>
              <a:gd name="connsiteX26" fmla="*/ 8267700 w 8315325"/>
              <a:gd name="connsiteY26" fmla="*/ 114300 h 4410075"/>
              <a:gd name="connsiteX27" fmla="*/ 8086725 w 8315325"/>
              <a:gd name="connsiteY27" fmla="*/ 219075 h 4410075"/>
              <a:gd name="connsiteX28" fmla="*/ 7991475 w 8315325"/>
              <a:gd name="connsiteY28" fmla="*/ 257175 h 4410075"/>
              <a:gd name="connsiteX29" fmla="*/ 7943850 w 8315325"/>
              <a:gd name="connsiteY29" fmla="*/ 352425 h 4410075"/>
              <a:gd name="connsiteX30" fmla="*/ 7820025 w 8315325"/>
              <a:gd name="connsiteY30" fmla="*/ 428625 h 4410075"/>
              <a:gd name="connsiteX31" fmla="*/ 7734300 w 8315325"/>
              <a:gd name="connsiteY31" fmla="*/ 590550 h 4410075"/>
              <a:gd name="connsiteX32" fmla="*/ 7667625 w 8315325"/>
              <a:gd name="connsiteY32" fmla="*/ 657225 h 4410075"/>
              <a:gd name="connsiteX33" fmla="*/ 7581900 w 8315325"/>
              <a:gd name="connsiteY33" fmla="*/ 742950 h 4410075"/>
              <a:gd name="connsiteX34" fmla="*/ 7467600 w 8315325"/>
              <a:gd name="connsiteY34" fmla="*/ 857250 h 4410075"/>
              <a:gd name="connsiteX35" fmla="*/ 7400925 w 8315325"/>
              <a:gd name="connsiteY35" fmla="*/ 942975 h 4410075"/>
              <a:gd name="connsiteX36" fmla="*/ 7343775 w 8315325"/>
              <a:gd name="connsiteY36" fmla="*/ 971550 h 4410075"/>
              <a:gd name="connsiteX37" fmla="*/ 7181850 w 8315325"/>
              <a:gd name="connsiteY37" fmla="*/ 1238250 h 4410075"/>
              <a:gd name="connsiteX38" fmla="*/ 6819900 w 8315325"/>
              <a:gd name="connsiteY38" fmla="*/ 1476375 h 4410075"/>
              <a:gd name="connsiteX39" fmla="*/ 6448425 w 8315325"/>
              <a:gd name="connsiteY39" fmla="*/ 1695450 h 4410075"/>
              <a:gd name="connsiteX40" fmla="*/ 6096000 w 8315325"/>
              <a:gd name="connsiteY40" fmla="*/ 1857375 h 4410075"/>
              <a:gd name="connsiteX41" fmla="*/ 5638800 w 8315325"/>
              <a:gd name="connsiteY41" fmla="*/ 2076450 h 4410075"/>
              <a:gd name="connsiteX42" fmla="*/ 5143500 w 8315325"/>
              <a:gd name="connsiteY42" fmla="*/ 2276475 h 4410075"/>
              <a:gd name="connsiteX43" fmla="*/ 4667250 w 8315325"/>
              <a:gd name="connsiteY43" fmla="*/ 2447925 h 4410075"/>
              <a:gd name="connsiteX44" fmla="*/ 4010025 w 8315325"/>
              <a:gd name="connsiteY44" fmla="*/ 2809875 h 4410075"/>
              <a:gd name="connsiteX45" fmla="*/ 4629150 w 8315325"/>
              <a:gd name="connsiteY45" fmla="*/ 2981325 h 4410075"/>
              <a:gd name="connsiteX46" fmla="*/ 5276850 w 8315325"/>
              <a:gd name="connsiteY46" fmla="*/ 3200400 h 4410075"/>
              <a:gd name="connsiteX47" fmla="*/ 8305800 w 8315325"/>
              <a:gd name="connsiteY47" fmla="*/ 4410075 h 4410075"/>
              <a:gd name="connsiteX48" fmla="*/ 0 w 8315325"/>
              <a:gd name="connsiteY48" fmla="*/ 4410075 h 4410075"/>
              <a:gd name="connsiteX49" fmla="*/ 19050 w 8315325"/>
              <a:gd name="connsiteY4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7362825 w 8315325"/>
              <a:gd name="connsiteY21" fmla="*/ 333375 h 4410075"/>
              <a:gd name="connsiteX22" fmla="*/ 7924800 w 8315325"/>
              <a:gd name="connsiteY22" fmla="*/ 171450 h 4410075"/>
              <a:gd name="connsiteX23" fmla="*/ 8258175 w 8315325"/>
              <a:gd name="connsiteY23" fmla="*/ 0 h 4410075"/>
              <a:gd name="connsiteX24" fmla="*/ 8315325 w 8315325"/>
              <a:gd name="connsiteY24" fmla="*/ 47625 h 4410075"/>
              <a:gd name="connsiteX25" fmla="*/ 8305800 w 8315325"/>
              <a:gd name="connsiteY25" fmla="*/ 85725 h 4410075"/>
              <a:gd name="connsiteX26" fmla="*/ 8267700 w 8315325"/>
              <a:gd name="connsiteY26" fmla="*/ 114300 h 4410075"/>
              <a:gd name="connsiteX27" fmla="*/ 8086725 w 8315325"/>
              <a:gd name="connsiteY27" fmla="*/ 219075 h 4410075"/>
              <a:gd name="connsiteX28" fmla="*/ 7991475 w 8315325"/>
              <a:gd name="connsiteY28" fmla="*/ 257175 h 4410075"/>
              <a:gd name="connsiteX29" fmla="*/ 7943850 w 8315325"/>
              <a:gd name="connsiteY29" fmla="*/ 352425 h 4410075"/>
              <a:gd name="connsiteX30" fmla="*/ 7820025 w 8315325"/>
              <a:gd name="connsiteY30" fmla="*/ 428625 h 4410075"/>
              <a:gd name="connsiteX31" fmla="*/ 7734300 w 8315325"/>
              <a:gd name="connsiteY31" fmla="*/ 590550 h 4410075"/>
              <a:gd name="connsiteX32" fmla="*/ 7667625 w 8315325"/>
              <a:gd name="connsiteY32" fmla="*/ 657225 h 4410075"/>
              <a:gd name="connsiteX33" fmla="*/ 7581900 w 8315325"/>
              <a:gd name="connsiteY33" fmla="*/ 742950 h 4410075"/>
              <a:gd name="connsiteX34" fmla="*/ 7467600 w 8315325"/>
              <a:gd name="connsiteY34" fmla="*/ 857250 h 4410075"/>
              <a:gd name="connsiteX35" fmla="*/ 7400925 w 8315325"/>
              <a:gd name="connsiteY35" fmla="*/ 942975 h 4410075"/>
              <a:gd name="connsiteX36" fmla="*/ 7343775 w 8315325"/>
              <a:gd name="connsiteY36" fmla="*/ 971550 h 4410075"/>
              <a:gd name="connsiteX37" fmla="*/ 7181850 w 8315325"/>
              <a:gd name="connsiteY37" fmla="*/ 1238250 h 4410075"/>
              <a:gd name="connsiteX38" fmla="*/ 6819900 w 8315325"/>
              <a:gd name="connsiteY38" fmla="*/ 1476375 h 4410075"/>
              <a:gd name="connsiteX39" fmla="*/ 6448425 w 8315325"/>
              <a:gd name="connsiteY39" fmla="*/ 1695450 h 4410075"/>
              <a:gd name="connsiteX40" fmla="*/ 6096000 w 8315325"/>
              <a:gd name="connsiteY40" fmla="*/ 1857375 h 4410075"/>
              <a:gd name="connsiteX41" fmla="*/ 5638800 w 8315325"/>
              <a:gd name="connsiteY41" fmla="*/ 2076450 h 4410075"/>
              <a:gd name="connsiteX42" fmla="*/ 5143500 w 8315325"/>
              <a:gd name="connsiteY42" fmla="*/ 2276475 h 4410075"/>
              <a:gd name="connsiteX43" fmla="*/ 4667250 w 8315325"/>
              <a:gd name="connsiteY43" fmla="*/ 2447925 h 4410075"/>
              <a:gd name="connsiteX44" fmla="*/ 4010025 w 8315325"/>
              <a:gd name="connsiteY44" fmla="*/ 2809875 h 4410075"/>
              <a:gd name="connsiteX45" fmla="*/ 4629150 w 8315325"/>
              <a:gd name="connsiteY45" fmla="*/ 2981325 h 4410075"/>
              <a:gd name="connsiteX46" fmla="*/ 5276850 w 8315325"/>
              <a:gd name="connsiteY46" fmla="*/ 3200400 h 4410075"/>
              <a:gd name="connsiteX47" fmla="*/ 8305800 w 8315325"/>
              <a:gd name="connsiteY47" fmla="*/ 4410075 h 4410075"/>
              <a:gd name="connsiteX48" fmla="*/ 0 w 8315325"/>
              <a:gd name="connsiteY48" fmla="*/ 4410075 h 4410075"/>
              <a:gd name="connsiteX49" fmla="*/ 19050 w 8315325"/>
              <a:gd name="connsiteY4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6291263 w 8315325"/>
              <a:gd name="connsiteY21" fmla="*/ 309563 h 4410075"/>
              <a:gd name="connsiteX22" fmla="*/ 7362825 w 8315325"/>
              <a:gd name="connsiteY22" fmla="*/ 333375 h 4410075"/>
              <a:gd name="connsiteX23" fmla="*/ 7924800 w 8315325"/>
              <a:gd name="connsiteY23" fmla="*/ 171450 h 4410075"/>
              <a:gd name="connsiteX24" fmla="*/ 8258175 w 8315325"/>
              <a:gd name="connsiteY24" fmla="*/ 0 h 4410075"/>
              <a:gd name="connsiteX25" fmla="*/ 8315325 w 8315325"/>
              <a:gd name="connsiteY25" fmla="*/ 47625 h 4410075"/>
              <a:gd name="connsiteX26" fmla="*/ 8305800 w 8315325"/>
              <a:gd name="connsiteY26" fmla="*/ 85725 h 4410075"/>
              <a:gd name="connsiteX27" fmla="*/ 8267700 w 8315325"/>
              <a:gd name="connsiteY27" fmla="*/ 114300 h 4410075"/>
              <a:gd name="connsiteX28" fmla="*/ 8086725 w 8315325"/>
              <a:gd name="connsiteY28" fmla="*/ 219075 h 4410075"/>
              <a:gd name="connsiteX29" fmla="*/ 7991475 w 8315325"/>
              <a:gd name="connsiteY29" fmla="*/ 257175 h 4410075"/>
              <a:gd name="connsiteX30" fmla="*/ 7943850 w 8315325"/>
              <a:gd name="connsiteY30" fmla="*/ 352425 h 4410075"/>
              <a:gd name="connsiteX31" fmla="*/ 7820025 w 8315325"/>
              <a:gd name="connsiteY31" fmla="*/ 428625 h 4410075"/>
              <a:gd name="connsiteX32" fmla="*/ 7734300 w 8315325"/>
              <a:gd name="connsiteY32" fmla="*/ 590550 h 4410075"/>
              <a:gd name="connsiteX33" fmla="*/ 7667625 w 8315325"/>
              <a:gd name="connsiteY33" fmla="*/ 657225 h 4410075"/>
              <a:gd name="connsiteX34" fmla="*/ 7581900 w 8315325"/>
              <a:gd name="connsiteY34" fmla="*/ 742950 h 4410075"/>
              <a:gd name="connsiteX35" fmla="*/ 7467600 w 8315325"/>
              <a:gd name="connsiteY35" fmla="*/ 857250 h 4410075"/>
              <a:gd name="connsiteX36" fmla="*/ 7400925 w 8315325"/>
              <a:gd name="connsiteY36" fmla="*/ 942975 h 4410075"/>
              <a:gd name="connsiteX37" fmla="*/ 7343775 w 8315325"/>
              <a:gd name="connsiteY37" fmla="*/ 971550 h 4410075"/>
              <a:gd name="connsiteX38" fmla="*/ 7181850 w 8315325"/>
              <a:gd name="connsiteY38" fmla="*/ 1238250 h 4410075"/>
              <a:gd name="connsiteX39" fmla="*/ 6819900 w 8315325"/>
              <a:gd name="connsiteY39" fmla="*/ 1476375 h 4410075"/>
              <a:gd name="connsiteX40" fmla="*/ 6448425 w 8315325"/>
              <a:gd name="connsiteY40" fmla="*/ 1695450 h 4410075"/>
              <a:gd name="connsiteX41" fmla="*/ 6096000 w 8315325"/>
              <a:gd name="connsiteY41" fmla="*/ 1857375 h 4410075"/>
              <a:gd name="connsiteX42" fmla="*/ 5638800 w 8315325"/>
              <a:gd name="connsiteY42" fmla="*/ 2076450 h 4410075"/>
              <a:gd name="connsiteX43" fmla="*/ 5143500 w 8315325"/>
              <a:gd name="connsiteY43" fmla="*/ 2276475 h 4410075"/>
              <a:gd name="connsiteX44" fmla="*/ 4667250 w 8315325"/>
              <a:gd name="connsiteY44" fmla="*/ 2447925 h 4410075"/>
              <a:gd name="connsiteX45" fmla="*/ 4010025 w 8315325"/>
              <a:gd name="connsiteY45" fmla="*/ 2809875 h 4410075"/>
              <a:gd name="connsiteX46" fmla="*/ 4629150 w 8315325"/>
              <a:gd name="connsiteY46" fmla="*/ 2981325 h 4410075"/>
              <a:gd name="connsiteX47" fmla="*/ 5276850 w 8315325"/>
              <a:gd name="connsiteY47" fmla="*/ 3200400 h 4410075"/>
              <a:gd name="connsiteX48" fmla="*/ 8305800 w 8315325"/>
              <a:gd name="connsiteY48" fmla="*/ 4410075 h 4410075"/>
              <a:gd name="connsiteX49" fmla="*/ 0 w 8315325"/>
              <a:gd name="connsiteY49" fmla="*/ 4410075 h 4410075"/>
              <a:gd name="connsiteX50" fmla="*/ 19050 w 8315325"/>
              <a:gd name="connsiteY5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6291263 w 8315325"/>
              <a:gd name="connsiteY21" fmla="*/ 576263 h 4410075"/>
              <a:gd name="connsiteX22" fmla="*/ 7362825 w 8315325"/>
              <a:gd name="connsiteY22" fmla="*/ 333375 h 4410075"/>
              <a:gd name="connsiteX23" fmla="*/ 7924800 w 8315325"/>
              <a:gd name="connsiteY23" fmla="*/ 171450 h 4410075"/>
              <a:gd name="connsiteX24" fmla="*/ 8258175 w 8315325"/>
              <a:gd name="connsiteY24" fmla="*/ 0 h 4410075"/>
              <a:gd name="connsiteX25" fmla="*/ 8315325 w 8315325"/>
              <a:gd name="connsiteY25" fmla="*/ 47625 h 4410075"/>
              <a:gd name="connsiteX26" fmla="*/ 8305800 w 8315325"/>
              <a:gd name="connsiteY26" fmla="*/ 85725 h 4410075"/>
              <a:gd name="connsiteX27" fmla="*/ 8267700 w 8315325"/>
              <a:gd name="connsiteY27" fmla="*/ 114300 h 4410075"/>
              <a:gd name="connsiteX28" fmla="*/ 8086725 w 8315325"/>
              <a:gd name="connsiteY28" fmla="*/ 219075 h 4410075"/>
              <a:gd name="connsiteX29" fmla="*/ 7991475 w 8315325"/>
              <a:gd name="connsiteY29" fmla="*/ 257175 h 4410075"/>
              <a:gd name="connsiteX30" fmla="*/ 7943850 w 8315325"/>
              <a:gd name="connsiteY30" fmla="*/ 352425 h 4410075"/>
              <a:gd name="connsiteX31" fmla="*/ 7820025 w 8315325"/>
              <a:gd name="connsiteY31" fmla="*/ 428625 h 4410075"/>
              <a:gd name="connsiteX32" fmla="*/ 7734300 w 8315325"/>
              <a:gd name="connsiteY32" fmla="*/ 590550 h 4410075"/>
              <a:gd name="connsiteX33" fmla="*/ 7667625 w 8315325"/>
              <a:gd name="connsiteY33" fmla="*/ 657225 h 4410075"/>
              <a:gd name="connsiteX34" fmla="*/ 7581900 w 8315325"/>
              <a:gd name="connsiteY34" fmla="*/ 742950 h 4410075"/>
              <a:gd name="connsiteX35" fmla="*/ 7467600 w 8315325"/>
              <a:gd name="connsiteY35" fmla="*/ 857250 h 4410075"/>
              <a:gd name="connsiteX36" fmla="*/ 7400925 w 8315325"/>
              <a:gd name="connsiteY36" fmla="*/ 942975 h 4410075"/>
              <a:gd name="connsiteX37" fmla="*/ 7343775 w 8315325"/>
              <a:gd name="connsiteY37" fmla="*/ 971550 h 4410075"/>
              <a:gd name="connsiteX38" fmla="*/ 7181850 w 8315325"/>
              <a:gd name="connsiteY38" fmla="*/ 1238250 h 4410075"/>
              <a:gd name="connsiteX39" fmla="*/ 6819900 w 8315325"/>
              <a:gd name="connsiteY39" fmla="*/ 1476375 h 4410075"/>
              <a:gd name="connsiteX40" fmla="*/ 6448425 w 8315325"/>
              <a:gd name="connsiteY40" fmla="*/ 1695450 h 4410075"/>
              <a:gd name="connsiteX41" fmla="*/ 6096000 w 8315325"/>
              <a:gd name="connsiteY41" fmla="*/ 1857375 h 4410075"/>
              <a:gd name="connsiteX42" fmla="*/ 5638800 w 8315325"/>
              <a:gd name="connsiteY42" fmla="*/ 2076450 h 4410075"/>
              <a:gd name="connsiteX43" fmla="*/ 5143500 w 8315325"/>
              <a:gd name="connsiteY43" fmla="*/ 2276475 h 4410075"/>
              <a:gd name="connsiteX44" fmla="*/ 4667250 w 8315325"/>
              <a:gd name="connsiteY44" fmla="*/ 2447925 h 4410075"/>
              <a:gd name="connsiteX45" fmla="*/ 4010025 w 8315325"/>
              <a:gd name="connsiteY45" fmla="*/ 2809875 h 4410075"/>
              <a:gd name="connsiteX46" fmla="*/ 4629150 w 8315325"/>
              <a:gd name="connsiteY46" fmla="*/ 2981325 h 4410075"/>
              <a:gd name="connsiteX47" fmla="*/ 5276850 w 8315325"/>
              <a:gd name="connsiteY47" fmla="*/ 3200400 h 4410075"/>
              <a:gd name="connsiteX48" fmla="*/ 8305800 w 8315325"/>
              <a:gd name="connsiteY48" fmla="*/ 4410075 h 4410075"/>
              <a:gd name="connsiteX49" fmla="*/ 0 w 8315325"/>
              <a:gd name="connsiteY49" fmla="*/ 4410075 h 4410075"/>
              <a:gd name="connsiteX50" fmla="*/ 19050 w 8315325"/>
              <a:gd name="connsiteY5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7362825 w 8315325"/>
              <a:gd name="connsiteY22" fmla="*/ 333375 h 4410075"/>
              <a:gd name="connsiteX23" fmla="*/ 7924800 w 8315325"/>
              <a:gd name="connsiteY23" fmla="*/ 171450 h 4410075"/>
              <a:gd name="connsiteX24" fmla="*/ 8258175 w 8315325"/>
              <a:gd name="connsiteY24" fmla="*/ 0 h 4410075"/>
              <a:gd name="connsiteX25" fmla="*/ 8315325 w 8315325"/>
              <a:gd name="connsiteY25" fmla="*/ 47625 h 4410075"/>
              <a:gd name="connsiteX26" fmla="*/ 8305800 w 8315325"/>
              <a:gd name="connsiteY26" fmla="*/ 85725 h 4410075"/>
              <a:gd name="connsiteX27" fmla="*/ 8267700 w 8315325"/>
              <a:gd name="connsiteY27" fmla="*/ 114300 h 4410075"/>
              <a:gd name="connsiteX28" fmla="*/ 8086725 w 8315325"/>
              <a:gd name="connsiteY28" fmla="*/ 219075 h 4410075"/>
              <a:gd name="connsiteX29" fmla="*/ 7991475 w 8315325"/>
              <a:gd name="connsiteY29" fmla="*/ 257175 h 4410075"/>
              <a:gd name="connsiteX30" fmla="*/ 7943850 w 8315325"/>
              <a:gd name="connsiteY30" fmla="*/ 352425 h 4410075"/>
              <a:gd name="connsiteX31" fmla="*/ 7820025 w 8315325"/>
              <a:gd name="connsiteY31" fmla="*/ 428625 h 4410075"/>
              <a:gd name="connsiteX32" fmla="*/ 7734300 w 8315325"/>
              <a:gd name="connsiteY32" fmla="*/ 590550 h 4410075"/>
              <a:gd name="connsiteX33" fmla="*/ 7667625 w 8315325"/>
              <a:gd name="connsiteY33" fmla="*/ 657225 h 4410075"/>
              <a:gd name="connsiteX34" fmla="*/ 7581900 w 8315325"/>
              <a:gd name="connsiteY34" fmla="*/ 742950 h 4410075"/>
              <a:gd name="connsiteX35" fmla="*/ 7467600 w 8315325"/>
              <a:gd name="connsiteY35" fmla="*/ 857250 h 4410075"/>
              <a:gd name="connsiteX36" fmla="*/ 7400925 w 8315325"/>
              <a:gd name="connsiteY36" fmla="*/ 942975 h 4410075"/>
              <a:gd name="connsiteX37" fmla="*/ 7343775 w 8315325"/>
              <a:gd name="connsiteY37" fmla="*/ 971550 h 4410075"/>
              <a:gd name="connsiteX38" fmla="*/ 7181850 w 8315325"/>
              <a:gd name="connsiteY38" fmla="*/ 1238250 h 4410075"/>
              <a:gd name="connsiteX39" fmla="*/ 6819900 w 8315325"/>
              <a:gd name="connsiteY39" fmla="*/ 1476375 h 4410075"/>
              <a:gd name="connsiteX40" fmla="*/ 6448425 w 8315325"/>
              <a:gd name="connsiteY40" fmla="*/ 1695450 h 4410075"/>
              <a:gd name="connsiteX41" fmla="*/ 6096000 w 8315325"/>
              <a:gd name="connsiteY41" fmla="*/ 1857375 h 4410075"/>
              <a:gd name="connsiteX42" fmla="*/ 5638800 w 8315325"/>
              <a:gd name="connsiteY42" fmla="*/ 2076450 h 4410075"/>
              <a:gd name="connsiteX43" fmla="*/ 5143500 w 8315325"/>
              <a:gd name="connsiteY43" fmla="*/ 2276475 h 4410075"/>
              <a:gd name="connsiteX44" fmla="*/ 4667250 w 8315325"/>
              <a:gd name="connsiteY44" fmla="*/ 2447925 h 4410075"/>
              <a:gd name="connsiteX45" fmla="*/ 4010025 w 8315325"/>
              <a:gd name="connsiteY45" fmla="*/ 2809875 h 4410075"/>
              <a:gd name="connsiteX46" fmla="*/ 4629150 w 8315325"/>
              <a:gd name="connsiteY46" fmla="*/ 2981325 h 4410075"/>
              <a:gd name="connsiteX47" fmla="*/ 5276850 w 8315325"/>
              <a:gd name="connsiteY47" fmla="*/ 3200400 h 4410075"/>
              <a:gd name="connsiteX48" fmla="*/ 8305800 w 8315325"/>
              <a:gd name="connsiteY48" fmla="*/ 4410075 h 4410075"/>
              <a:gd name="connsiteX49" fmla="*/ 0 w 8315325"/>
              <a:gd name="connsiteY49" fmla="*/ 4410075 h 4410075"/>
              <a:gd name="connsiteX50" fmla="*/ 19050 w 8315325"/>
              <a:gd name="connsiteY5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57925 w 8315325"/>
              <a:gd name="connsiteY22" fmla="*/ 309563 h 4410075"/>
              <a:gd name="connsiteX23" fmla="*/ 7362825 w 8315325"/>
              <a:gd name="connsiteY23" fmla="*/ 333375 h 4410075"/>
              <a:gd name="connsiteX24" fmla="*/ 7924800 w 8315325"/>
              <a:gd name="connsiteY24" fmla="*/ 171450 h 4410075"/>
              <a:gd name="connsiteX25" fmla="*/ 8258175 w 8315325"/>
              <a:gd name="connsiteY25" fmla="*/ 0 h 4410075"/>
              <a:gd name="connsiteX26" fmla="*/ 8315325 w 8315325"/>
              <a:gd name="connsiteY26" fmla="*/ 47625 h 4410075"/>
              <a:gd name="connsiteX27" fmla="*/ 8305800 w 8315325"/>
              <a:gd name="connsiteY27" fmla="*/ 85725 h 4410075"/>
              <a:gd name="connsiteX28" fmla="*/ 8267700 w 8315325"/>
              <a:gd name="connsiteY28" fmla="*/ 114300 h 4410075"/>
              <a:gd name="connsiteX29" fmla="*/ 8086725 w 8315325"/>
              <a:gd name="connsiteY29" fmla="*/ 219075 h 4410075"/>
              <a:gd name="connsiteX30" fmla="*/ 7991475 w 8315325"/>
              <a:gd name="connsiteY30" fmla="*/ 257175 h 4410075"/>
              <a:gd name="connsiteX31" fmla="*/ 7943850 w 8315325"/>
              <a:gd name="connsiteY31" fmla="*/ 352425 h 4410075"/>
              <a:gd name="connsiteX32" fmla="*/ 7820025 w 8315325"/>
              <a:gd name="connsiteY32" fmla="*/ 428625 h 4410075"/>
              <a:gd name="connsiteX33" fmla="*/ 7734300 w 8315325"/>
              <a:gd name="connsiteY33" fmla="*/ 590550 h 4410075"/>
              <a:gd name="connsiteX34" fmla="*/ 7667625 w 8315325"/>
              <a:gd name="connsiteY34" fmla="*/ 657225 h 4410075"/>
              <a:gd name="connsiteX35" fmla="*/ 7581900 w 8315325"/>
              <a:gd name="connsiteY35" fmla="*/ 742950 h 4410075"/>
              <a:gd name="connsiteX36" fmla="*/ 7467600 w 8315325"/>
              <a:gd name="connsiteY36" fmla="*/ 857250 h 4410075"/>
              <a:gd name="connsiteX37" fmla="*/ 7400925 w 8315325"/>
              <a:gd name="connsiteY37" fmla="*/ 942975 h 4410075"/>
              <a:gd name="connsiteX38" fmla="*/ 7343775 w 8315325"/>
              <a:gd name="connsiteY38" fmla="*/ 971550 h 4410075"/>
              <a:gd name="connsiteX39" fmla="*/ 7181850 w 8315325"/>
              <a:gd name="connsiteY39" fmla="*/ 1238250 h 4410075"/>
              <a:gd name="connsiteX40" fmla="*/ 6819900 w 8315325"/>
              <a:gd name="connsiteY40" fmla="*/ 1476375 h 4410075"/>
              <a:gd name="connsiteX41" fmla="*/ 6448425 w 8315325"/>
              <a:gd name="connsiteY41" fmla="*/ 1695450 h 4410075"/>
              <a:gd name="connsiteX42" fmla="*/ 6096000 w 8315325"/>
              <a:gd name="connsiteY42" fmla="*/ 1857375 h 4410075"/>
              <a:gd name="connsiteX43" fmla="*/ 5638800 w 8315325"/>
              <a:gd name="connsiteY43" fmla="*/ 2076450 h 4410075"/>
              <a:gd name="connsiteX44" fmla="*/ 5143500 w 8315325"/>
              <a:gd name="connsiteY44" fmla="*/ 2276475 h 4410075"/>
              <a:gd name="connsiteX45" fmla="*/ 4667250 w 8315325"/>
              <a:gd name="connsiteY45" fmla="*/ 2447925 h 4410075"/>
              <a:gd name="connsiteX46" fmla="*/ 4010025 w 8315325"/>
              <a:gd name="connsiteY46" fmla="*/ 2809875 h 4410075"/>
              <a:gd name="connsiteX47" fmla="*/ 4629150 w 8315325"/>
              <a:gd name="connsiteY47" fmla="*/ 2981325 h 4410075"/>
              <a:gd name="connsiteX48" fmla="*/ 5276850 w 8315325"/>
              <a:gd name="connsiteY48" fmla="*/ 3200400 h 4410075"/>
              <a:gd name="connsiteX49" fmla="*/ 8305800 w 8315325"/>
              <a:gd name="connsiteY49" fmla="*/ 4410075 h 4410075"/>
              <a:gd name="connsiteX50" fmla="*/ 0 w 8315325"/>
              <a:gd name="connsiteY50" fmla="*/ 4410075 h 4410075"/>
              <a:gd name="connsiteX51" fmla="*/ 19050 w 8315325"/>
              <a:gd name="connsiteY5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53163 w 8315325"/>
              <a:gd name="connsiteY22" fmla="*/ 490538 h 4410075"/>
              <a:gd name="connsiteX23" fmla="*/ 7362825 w 8315325"/>
              <a:gd name="connsiteY23" fmla="*/ 333375 h 4410075"/>
              <a:gd name="connsiteX24" fmla="*/ 7924800 w 8315325"/>
              <a:gd name="connsiteY24" fmla="*/ 171450 h 4410075"/>
              <a:gd name="connsiteX25" fmla="*/ 8258175 w 8315325"/>
              <a:gd name="connsiteY25" fmla="*/ 0 h 4410075"/>
              <a:gd name="connsiteX26" fmla="*/ 8315325 w 8315325"/>
              <a:gd name="connsiteY26" fmla="*/ 47625 h 4410075"/>
              <a:gd name="connsiteX27" fmla="*/ 8305800 w 8315325"/>
              <a:gd name="connsiteY27" fmla="*/ 85725 h 4410075"/>
              <a:gd name="connsiteX28" fmla="*/ 8267700 w 8315325"/>
              <a:gd name="connsiteY28" fmla="*/ 114300 h 4410075"/>
              <a:gd name="connsiteX29" fmla="*/ 8086725 w 8315325"/>
              <a:gd name="connsiteY29" fmla="*/ 219075 h 4410075"/>
              <a:gd name="connsiteX30" fmla="*/ 7991475 w 8315325"/>
              <a:gd name="connsiteY30" fmla="*/ 257175 h 4410075"/>
              <a:gd name="connsiteX31" fmla="*/ 7943850 w 8315325"/>
              <a:gd name="connsiteY31" fmla="*/ 352425 h 4410075"/>
              <a:gd name="connsiteX32" fmla="*/ 7820025 w 8315325"/>
              <a:gd name="connsiteY32" fmla="*/ 428625 h 4410075"/>
              <a:gd name="connsiteX33" fmla="*/ 7734300 w 8315325"/>
              <a:gd name="connsiteY33" fmla="*/ 590550 h 4410075"/>
              <a:gd name="connsiteX34" fmla="*/ 7667625 w 8315325"/>
              <a:gd name="connsiteY34" fmla="*/ 657225 h 4410075"/>
              <a:gd name="connsiteX35" fmla="*/ 7581900 w 8315325"/>
              <a:gd name="connsiteY35" fmla="*/ 742950 h 4410075"/>
              <a:gd name="connsiteX36" fmla="*/ 7467600 w 8315325"/>
              <a:gd name="connsiteY36" fmla="*/ 857250 h 4410075"/>
              <a:gd name="connsiteX37" fmla="*/ 7400925 w 8315325"/>
              <a:gd name="connsiteY37" fmla="*/ 942975 h 4410075"/>
              <a:gd name="connsiteX38" fmla="*/ 7343775 w 8315325"/>
              <a:gd name="connsiteY38" fmla="*/ 971550 h 4410075"/>
              <a:gd name="connsiteX39" fmla="*/ 7181850 w 8315325"/>
              <a:gd name="connsiteY39" fmla="*/ 1238250 h 4410075"/>
              <a:gd name="connsiteX40" fmla="*/ 6819900 w 8315325"/>
              <a:gd name="connsiteY40" fmla="*/ 1476375 h 4410075"/>
              <a:gd name="connsiteX41" fmla="*/ 6448425 w 8315325"/>
              <a:gd name="connsiteY41" fmla="*/ 1695450 h 4410075"/>
              <a:gd name="connsiteX42" fmla="*/ 6096000 w 8315325"/>
              <a:gd name="connsiteY42" fmla="*/ 1857375 h 4410075"/>
              <a:gd name="connsiteX43" fmla="*/ 5638800 w 8315325"/>
              <a:gd name="connsiteY43" fmla="*/ 2076450 h 4410075"/>
              <a:gd name="connsiteX44" fmla="*/ 5143500 w 8315325"/>
              <a:gd name="connsiteY44" fmla="*/ 2276475 h 4410075"/>
              <a:gd name="connsiteX45" fmla="*/ 4667250 w 8315325"/>
              <a:gd name="connsiteY45" fmla="*/ 2447925 h 4410075"/>
              <a:gd name="connsiteX46" fmla="*/ 4010025 w 8315325"/>
              <a:gd name="connsiteY46" fmla="*/ 2809875 h 4410075"/>
              <a:gd name="connsiteX47" fmla="*/ 4629150 w 8315325"/>
              <a:gd name="connsiteY47" fmla="*/ 2981325 h 4410075"/>
              <a:gd name="connsiteX48" fmla="*/ 5276850 w 8315325"/>
              <a:gd name="connsiteY48" fmla="*/ 3200400 h 4410075"/>
              <a:gd name="connsiteX49" fmla="*/ 8305800 w 8315325"/>
              <a:gd name="connsiteY49" fmla="*/ 4410075 h 4410075"/>
              <a:gd name="connsiteX50" fmla="*/ 0 w 8315325"/>
              <a:gd name="connsiteY50" fmla="*/ 4410075 h 4410075"/>
              <a:gd name="connsiteX51" fmla="*/ 19050 w 8315325"/>
              <a:gd name="connsiteY5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48400 w 8315325"/>
              <a:gd name="connsiteY22" fmla="*/ 842963 h 4410075"/>
              <a:gd name="connsiteX23" fmla="*/ 7362825 w 8315325"/>
              <a:gd name="connsiteY23" fmla="*/ 333375 h 4410075"/>
              <a:gd name="connsiteX24" fmla="*/ 7924800 w 8315325"/>
              <a:gd name="connsiteY24" fmla="*/ 171450 h 4410075"/>
              <a:gd name="connsiteX25" fmla="*/ 8258175 w 8315325"/>
              <a:gd name="connsiteY25" fmla="*/ 0 h 4410075"/>
              <a:gd name="connsiteX26" fmla="*/ 8315325 w 8315325"/>
              <a:gd name="connsiteY26" fmla="*/ 47625 h 4410075"/>
              <a:gd name="connsiteX27" fmla="*/ 8305800 w 8315325"/>
              <a:gd name="connsiteY27" fmla="*/ 85725 h 4410075"/>
              <a:gd name="connsiteX28" fmla="*/ 8267700 w 8315325"/>
              <a:gd name="connsiteY28" fmla="*/ 114300 h 4410075"/>
              <a:gd name="connsiteX29" fmla="*/ 8086725 w 8315325"/>
              <a:gd name="connsiteY29" fmla="*/ 219075 h 4410075"/>
              <a:gd name="connsiteX30" fmla="*/ 7991475 w 8315325"/>
              <a:gd name="connsiteY30" fmla="*/ 257175 h 4410075"/>
              <a:gd name="connsiteX31" fmla="*/ 7943850 w 8315325"/>
              <a:gd name="connsiteY31" fmla="*/ 352425 h 4410075"/>
              <a:gd name="connsiteX32" fmla="*/ 7820025 w 8315325"/>
              <a:gd name="connsiteY32" fmla="*/ 428625 h 4410075"/>
              <a:gd name="connsiteX33" fmla="*/ 7734300 w 8315325"/>
              <a:gd name="connsiteY33" fmla="*/ 590550 h 4410075"/>
              <a:gd name="connsiteX34" fmla="*/ 7667625 w 8315325"/>
              <a:gd name="connsiteY34" fmla="*/ 657225 h 4410075"/>
              <a:gd name="connsiteX35" fmla="*/ 7581900 w 8315325"/>
              <a:gd name="connsiteY35" fmla="*/ 742950 h 4410075"/>
              <a:gd name="connsiteX36" fmla="*/ 7467600 w 8315325"/>
              <a:gd name="connsiteY36" fmla="*/ 857250 h 4410075"/>
              <a:gd name="connsiteX37" fmla="*/ 7400925 w 8315325"/>
              <a:gd name="connsiteY37" fmla="*/ 942975 h 4410075"/>
              <a:gd name="connsiteX38" fmla="*/ 7343775 w 8315325"/>
              <a:gd name="connsiteY38" fmla="*/ 971550 h 4410075"/>
              <a:gd name="connsiteX39" fmla="*/ 7181850 w 8315325"/>
              <a:gd name="connsiteY39" fmla="*/ 1238250 h 4410075"/>
              <a:gd name="connsiteX40" fmla="*/ 6819900 w 8315325"/>
              <a:gd name="connsiteY40" fmla="*/ 1476375 h 4410075"/>
              <a:gd name="connsiteX41" fmla="*/ 6448425 w 8315325"/>
              <a:gd name="connsiteY41" fmla="*/ 1695450 h 4410075"/>
              <a:gd name="connsiteX42" fmla="*/ 6096000 w 8315325"/>
              <a:gd name="connsiteY42" fmla="*/ 1857375 h 4410075"/>
              <a:gd name="connsiteX43" fmla="*/ 5638800 w 8315325"/>
              <a:gd name="connsiteY43" fmla="*/ 2076450 h 4410075"/>
              <a:gd name="connsiteX44" fmla="*/ 5143500 w 8315325"/>
              <a:gd name="connsiteY44" fmla="*/ 2276475 h 4410075"/>
              <a:gd name="connsiteX45" fmla="*/ 4667250 w 8315325"/>
              <a:gd name="connsiteY45" fmla="*/ 2447925 h 4410075"/>
              <a:gd name="connsiteX46" fmla="*/ 4010025 w 8315325"/>
              <a:gd name="connsiteY46" fmla="*/ 2809875 h 4410075"/>
              <a:gd name="connsiteX47" fmla="*/ 4629150 w 8315325"/>
              <a:gd name="connsiteY47" fmla="*/ 2981325 h 4410075"/>
              <a:gd name="connsiteX48" fmla="*/ 5276850 w 8315325"/>
              <a:gd name="connsiteY48" fmla="*/ 3200400 h 4410075"/>
              <a:gd name="connsiteX49" fmla="*/ 8305800 w 8315325"/>
              <a:gd name="connsiteY49" fmla="*/ 4410075 h 4410075"/>
              <a:gd name="connsiteX50" fmla="*/ 0 w 8315325"/>
              <a:gd name="connsiteY50" fmla="*/ 4410075 h 4410075"/>
              <a:gd name="connsiteX51" fmla="*/ 19050 w 8315325"/>
              <a:gd name="connsiteY5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7362825 w 8315325"/>
              <a:gd name="connsiteY23" fmla="*/ 333375 h 4410075"/>
              <a:gd name="connsiteX24" fmla="*/ 7924800 w 8315325"/>
              <a:gd name="connsiteY24" fmla="*/ 171450 h 4410075"/>
              <a:gd name="connsiteX25" fmla="*/ 8258175 w 8315325"/>
              <a:gd name="connsiteY25" fmla="*/ 0 h 4410075"/>
              <a:gd name="connsiteX26" fmla="*/ 8315325 w 8315325"/>
              <a:gd name="connsiteY26" fmla="*/ 47625 h 4410075"/>
              <a:gd name="connsiteX27" fmla="*/ 8305800 w 8315325"/>
              <a:gd name="connsiteY27" fmla="*/ 85725 h 4410075"/>
              <a:gd name="connsiteX28" fmla="*/ 8267700 w 8315325"/>
              <a:gd name="connsiteY28" fmla="*/ 114300 h 4410075"/>
              <a:gd name="connsiteX29" fmla="*/ 8086725 w 8315325"/>
              <a:gd name="connsiteY29" fmla="*/ 219075 h 4410075"/>
              <a:gd name="connsiteX30" fmla="*/ 7991475 w 8315325"/>
              <a:gd name="connsiteY30" fmla="*/ 257175 h 4410075"/>
              <a:gd name="connsiteX31" fmla="*/ 7943850 w 8315325"/>
              <a:gd name="connsiteY31" fmla="*/ 352425 h 4410075"/>
              <a:gd name="connsiteX32" fmla="*/ 7820025 w 8315325"/>
              <a:gd name="connsiteY32" fmla="*/ 428625 h 4410075"/>
              <a:gd name="connsiteX33" fmla="*/ 7734300 w 8315325"/>
              <a:gd name="connsiteY33" fmla="*/ 590550 h 4410075"/>
              <a:gd name="connsiteX34" fmla="*/ 7667625 w 8315325"/>
              <a:gd name="connsiteY34" fmla="*/ 657225 h 4410075"/>
              <a:gd name="connsiteX35" fmla="*/ 7581900 w 8315325"/>
              <a:gd name="connsiteY35" fmla="*/ 742950 h 4410075"/>
              <a:gd name="connsiteX36" fmla="*/ 7467600 w 8315325"/>
              <a:gd name="connsiteY36" fmla="*/ 857250 h 4410075"/>
              <a:gd name="connsiteX37" fmla="*/ 7400925 w 8315325"/>
              <a:gd name="connsiteY37" fmla="*/ 942975 h 4410075"/>
              <a:gd name="connsiteX38" fmla="*/ 7343775 w 8315325"/>
              <a:gd name="connsiteY38" fmla="*/ 971550 h 4410075"/>
              <a:gd name="connsiteX39" fmla="*/ 7181850 w 8315325"/>
              <a:gd name="connsiteY39" fmla="*/ 1238250 h 4410075"/>
              <a:gd name="connsiteX40" fmla="*/ 6819900 w 8315325"/>
              <a:gd name="connsiteY40" fmla="*/ 1476375 h 4410075"/>
              <a:gd name="connsiteX41" fmla="*/ 6448425 w 8315325"/>
              <a:gd name="connsiteY41" fmla="*/ 1695450 h 4410075"/>
              <a:gd name="connsiteX42" fmla="*/ 6096000 w 8315325"/>
              <a:gd name="connsiteY42" fmla="*/ 1857375 h 4410075"/>
              <a:gd name="connsiteX43" fmla="*/ 5638800 w 8315325"/>
              <a:gd name="connsiteY43" fmla="*/ 2076450 h 4410075"/>
              <a:gd name="connsiteX44" fmla="*/ 5143500 w 8315325"/>
              <a:gd name="connsiteY44" fmla="*/ 2276475 h 4410075"/>
              <a:gd name="connsiteX45" fmla="*/ 4667250 w 8315325"/>
              <a:gd name="connsiteY45" fmla="*/ 2447925 h 4410075"/>
              <a:gd name="connsiteX46" fmla="*/ 4010025 w 8315325"/>
              <a:gd name="connsiteY46" fmla="*/ 2809875 h 4410075"/>
              <a:gd name="connsiteX47" fmla="*/ 4629150 w 8315325"/>
              <a:gd name="connsiteY47" fmla="*/ 2981325 h 4410075"/>
              <a:gd name="connsiteX48" fmla="*/ 5276850 w 8315325"/>
              <a:gd name="connsiteY48" fmla="*/ 3200400 h 4410075"/>
              <a:gd name="connsiteX49" fmla="*/ 8305800 w 8315325"/>
              <a:gd name="connsiteY49" fmla="*/ 4410075 h 4410075"/>
              <a:gd name="connsiteX50" fmla="*/ 0 w 8315325"/>
              <a:gd name="connsiteY50" fmla="*/ 4410075 h 4410075"/>
              <a:gd name="connsiteX51" fmla="*/ 19050 w 8315325"/>
              <a:gd name="connsiteY5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310313 w 8315325"/>
              <a:gd name="connsiteY23" fmla="*/ 323850 h 4410075"/>
              <a:gd name="connsiteX24" fmla="*/ 7362825 w 8315325"/>
              <a:gd name="connsiteY24" fmla="*/ 333375 h 4410075"/>
              <a:gd name="connsiteX25" fmla="*/ 7924800 w 8315325"/>
              <a:gd name="connsiteY25" fmla="*/ 171450 h 4410075"/>
              <a:gd name="connsiteX26" fmla="*/ 8258175 w 8315325"/>
              <a:gd name="connsiteY26" fmla="*/ 0 h 4410075"/>
              <a:gd name="connsiteX27" fmla="*/ 8315325 w 8315325"/>
              <a:gd name="connsiteY27" fmla="*/ 47625 h 4410075"/>
              <a:gd name="connsiteX28" fmla="*/ 8305800 w 8315325"/>
              <a:gd name="connsiteY28" fmla="*/ 85725 h 4410075"/>
              <a:gd name="connsiteX29" fmla="*/ 8267700 w 8315325"/>
              <a:gd name="connsiteY29" fmla="*/ 114300 h 4410075"/>
              <a:gd name="connsiteX30" fmla="*/ 8086725 w 8315325"/>
              <a:gd name="connsiteY30" fmla="*/ 219075 h 4410075"/>
              <a:gd name="connsiteX31" fmla="*/ 7991475 w 8315325"/>
              <a:gd name="connsiteY31" fmla="*/ 257175 h 4410075"/>
              <a:gd name="connsiteX32" fmla="*/ 7943850 w 8315325"/>
              <a:gd name="connsiteY32" fmla="*/ 352425 h 4410075"/>
              <a:gd name="connsiteX33" fmla="*/ 7820025 w 8315325"/>
              <a:gd name="connsiteY33" fmla="*/ 428625 h 4410075"/>
              <a:gd name="connsiteX34" fmla="*/ 7734300 w 8315325"/>
              <a:gd name="connsiteY34" fmla="*/ 590550 h 4410075"/>
              <a:gd name="connsiteX35" fmla="*/ 7667625 w 8315325"/>
              <a:gd name="connsiteY35" fmla="*/ 657225 h 4410075"/>
              <a:gd name="connsiteX36" fmla="*/ 7581900 w 8315325"/>
              <a:gd name="connsiteY36" fmla="*/ 742950 h 4410075"/>
              <a:gd name="connsiteX37" fmla="*/ 7467600 w 8315325"/>
              <a:gd name="connsiteY37" fmla="*/ 857250 h 4410075"/>
              <a:gd name="connsiteX38" fmla="*/ 7400925 w 8315325"/>
              <a:gd name="connsiteY38" fmla="*/ 942975 h 4410075"/>
              <a:gd name="connsiteX39" fmla="*/ 7343775 w 8315325"/>
              <a:gd name="connsiteY39" fmla="*/ 971550 h 4410075"/>
              <a:gd name="connsiteX40" fmla="*/ 7181850 w 8315325"/>
              <a:gd name="connsiteY40" fmla="*/ 1238250 h 4410075"/>
              <a:gd name="connsiteX41" fmla="*/ 6819900 w 8315325"/>
              <a:gd name="connsiteY41" fmla="*/ 1476375 h 4410075"/>
              <a:gd name="connsiteX42" fmla="*/ 6448425 w 8315325"/>
              <a:gd name="connsiteY42" fmla="*/ 1695450 h 4410075"/>
              <a:gd name="connsiteX43" fmla="*/ 6096000 w 8315325"/>
              <a:gd name="connsiteY43" fmla="*/ 1857375 h 4410075"/>
              <a:gd name="connsiteX44" fmla="*/ 5638800 w 8315325"/>
              <a:gd name="connsiteY44" fmla="*/ 2076450 h 4410075"/>
              <a:gd name="connsiteX45" fmla="*/ 5143500 w 8315325"/>
              <a:gd name="connsiteY45" fmla="*/ 2276475 h 4410075"/>
              <a:gd name="connsiteX46" fmla="*/ 4667250 w 8315325"/>
              <a:gd name="connsiteY46" fmla="*/ 2447925 h 4410075"/>
              <a:gd name="connsiteX47" fmla="*/ 4010025 w 8315325"/>
              <a:gd name="connsiteY47" fmla="*/ 2809875 h 4410075"/>
              <a:gd name="connsiteX48" fmla="*/ 4629150 w 8315325"/>
              <a:gd name="connsiteY48" fmla="*/ 2981325 h 4410075"/>
              <a:gd name="connsiteX49" fmla="*/ 5276850 w 8315325"/>
              <a:gd name="connsiteY49" fmla="*/ 3200400 h 4410075"/>
              <a:gd name="connsiteX50" fmla="*/ 8305800 w 8315325"/>
              <a:gd name="connsiteY50" fmla="*/ 4410075 h 4410075"/>
              <a:gd name="connsiteX51" fmla="*/ 0 w 8315325"/>
              <a:gd name="connsiteY51" fmla="*/ 4410075 h 4410075"/>
              <a:gd name="connsiteX52" fmla="*/ 19050 w 8315325"/>
              <a:gd name="connsiteY5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3400 h 4410075"/>
              <a:gd name="connsiteX24" fmla="*/ 7362825 w 8315325"/>
              <a:gd name="connsiteY24" fmla="*/ 333375 h 4410075"/>
              <a:gd name="connsiteX25" fmla="*/ 7924800 w 8315325"/>
              <a:gd name="connsiteY25" fmla="*/ 171450 h 4410075"/>
              <a:gd name="connsiteX26" fmla="*/ 8258175 w 8315325"/>
              <a:gd name="connsiteY26" fmla="*/ 0 h 4410075"/>
              <a:gd name="connsiteX27" fmla="*/ 8315325 w 8315325"/>
              <a:gd name="connsiteY27" fmla="*/ 47625 h 4410075"/>
              <a:gd name="connsiteX28" fmla="*/ 8305800 w 8315325"/>
              <a:gd name="connsiteY28" fmla="*/ 85725 h 4410075"/>
              <a:gd name="connsiteX29" fmla="*/ 8267700 w 8315325"/>
              <a:gd name="connsiteY29" fmla="*/ 114300 h 4410075"/>
              <a:gd name="connsiteX30" fmla="*/ 8086725 w 8315325"/>
              <a:gd name="connsiteY30" fmla="*/ 219075 h 4410075"/>
              <a:gd name="connsiteX31" fmla="*/ 7991475 w 8315325"/>
              <a:gd name="connsiteY31" fmla="*/ 257175 h 4410075"/>
              <a:gd name="connsiteX32" fmla="*/ 7943850 w 8315325"/>
              <a:gd name="connsiteY32" fmla="*/ 352425 h 4410075"/>
              <a:gd name="connsiteX33" fmla="*/ 7820025 w 8315325"/>
              <a:gd name="connsiteY33" fmla="*/ 428625 h 4410075"/>
              <a:gd name="connsiteX34" fmla="*/ 7734300 w 8315325"/>
              <a:gd name="connsiteY34" fmla="*/ 590550 h 4410075"/>
              <a:gd name="connsiteX35" fmla="*/ 7667625 w 8315325"/>
              <a:gd name="connsiteY35" fmla="*/ 657225 h 4410075"/>
              <a:gd name="connsiteX36" fmla="*/ 7581900 w 8315325"/>
              <a:gd name="connsiteY36" fmla="*/ 742950 h 4410075"/>
              <a:gd name="connsiteX37" fmla="*/ 7467600 w 8315325"/>
              <a:gd name="connsiteY37" fmla="*/ 857250 h 4410075"/>
              <a:gd name="connsiteX38" fmla="*/ 7400925 w 8315325"/>
              <a:gd name="connsiteY38" fmla="*/ 942975 h 4410075"/>
              <a:gd name="connsiteX39" fmla="*/ 7343775 w 8315325"/>
              <a:gd name="connsiteY39" fmla="*/ 971550 h 4410075"/>
              <a:gd name="connsiteX40" fmla="*/ 7181850 w 8315325"/>
              <a:gd name="connsiteY40" fmla="*/ 1238250 h 4410075"/>
              <a:gd name="connsiteX41" fmla="*/ 6819900 w 8315325"/>
              <a:gd name="connsiteY41" fmla="*/ 1476375 h 4410075"/>
              <a:gd name="connsiteX42" fmla="*/ 6448425 w 8315325"/>
              <a:gd name="connsiteY42" fmla="*/ 1695450 h 4410075"/>
              <a:gd name="connsiteX43" fmla="*/ 6096000 w 8315325"/>
              <a:gd name="connsiteY43" fmla="*/ 1857375 h 4410075"/>
              <a:gd name="connsiteX44" fmla="*/ 5638800 w 8315325"/>
              <a:gd name="connsiteY44" fmla="*/ 2076450 h 4410075"/>
              <a:gd name="connsiteX45" fmla="*/ 5143500 w 8315325"/>
              <a:gd name="connsiteY45" fmla="*/ 2276475 h 4410075"/>
              <a:gd name="connsiteX46" fmla="*/ 4667250 w 8315325"/>
              <a:gd name="connsiteY46" fmla="*/ 2447925 h 4410075"/>
              <a:gd name="connsiteX47" fmla="*/ 4010025 w 8315325"/>
              <a:gd name="connsiteY47" fmla="*/ 2809875 h 4410075"/>
              <a:gd name="connsiteX48" fmla="*/ 4629150 w 8315325"/>
              <a:gd name="connsiteY48" fmla="*/ 2981325 h 4410075"/>
              <a:gd name="connsiteX49" fmla="*/ 5276850 w 8315325"/>
              <a:gd name="connsiteY49" fmla="*/ 3200400 h 4410075"/>
              <a:gd name="connsiteX50" fmla="*/ 8305800 w 8315325"/>
              <a:gd name="connsiteY50" fmla="*/ 4410075 h 4410075"/>
              <a:gd name="connsiteX51" fmla="*/ 0 w 8315325"/>
              <a:gd name="connsiteY51" fmla="*/ 4410075 h 4410075"/>
              <a:gd name="connsiteX52" fmla="*/ 19050 w 8315325"/>
              <a:gd name="connsiteY5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3400 h 4410075"/>
              <a:gd name="connsiteX24" fmla="*/ 6324600 w 8315325"/>
              <a:gd name="connsiteY24" fmla="*/ 514350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3400 h 4410075"/>
              <a:gd name="connsiteX24" fmla="*/ 6215063 w 8315325"/>
              <a:gd name="connsiteY24" fmla="*/ 523875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3400 h 4410075"/>
              <a:gd name="connsiteX24" fmla="*/ 6210301 w 8315325"/>
              <a:gd name="connsiteY24" fmla="*/ 523875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3400 h 4410075"/>
              <a:gd name="connsiteX24" fmla="*/ 6272214 w 8315325"/>
              <a:gd name="connsiteY24" fmla="*/ 504825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72214 w 8315325"/>
              <a:gd name="connsiteY24" fmla="*/ 504825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0302 w 8315325"/>
              <a:gd name="connsiteY24" fmla="*/ 509587 h 4410075"/>
              <a:gd name="connsiteX25" fmla="*/ 7362825 w 8315325"/>
              <a:gd name="connsiteY25" fmla="*/ 333375 h 4410075"/>
              <a:gd name="connsiteX26" fmla="*/ 7924800 w 8315325"/>
              <a:gd name="connsiteY26" fmla="*/ 171450 h 4410075"/>
              <a:gd name="connsiteX27" fmla="*/ 8258175 w 8315325"/>
              <a:gd name="connsiteY27" fmla="*/ 0 h 4410075"/>
              <a:gd name="connsiteX28" fmla="*/ 8315325 w 8315325"/>
              <a:gd name="connsiteY28" fmla="*/ 47625 h 4410075"/>
              <a:gd name="connsiteX29" fmla="*/ 8305800 w 8315325"/>
              <a:gd name="connsiteY29" fmla="*/ 85725 h 4410075"/>
              <a:gd name="connsiteX30" fmla="*/ 8267700 w 8315325"/>
              <a:gd name="connsiteY30" fmla="*/ 114300 h 4410075"/>
              <a:gd name="connsiteX31" fmla="*/ 8086725 w 8315325"/>
              <a:gd name="connsiteY31" fmla="*/ 219075 h 4410075"/>
              <a:gd name="connsiteX32" fmla="*/ 7991475 w 8315325"/>
              <a:gd name="connsiteY32" fmla="*/ 257175 h 4410075"/>
              <a:gd name="connsiteX33" fmla="*/ 7943850 w 8315325"/>
              <a:gd name="connsiteY33" fmla="*/ 352425 h 4410075"/>
              <a:gd name="connsiteX34" fmla="*/ 7820025 w 8315325"/>
              <a:gd name="connsiteY34" fmla="*/ 428625 h 4410075"/>
              <a:gd name="connsiteX35" fmla="*/ 7734300 w 8315325"/>
              <a:gd name="connsiteY35" fmla="*/ 590550 h 4410075"/>
              <a:gd name="connsiteX36" fmla="*/ 7667625 w 8315325"/>
              <a:gd name="connsiteY36" fmla="*/ 657225 h 4410075"/>
              <a:gd name="connsiteX37" fmla="*/ 7581900 w 8315325"/>
              <a:gd name="connsiteY37" fmla="*/ 742950 h 4410075"/>
              <a:gd name="connsiteX38" fmla="*/ 7467600 w 8315325"/>
              <a:gd name="connsiteY38" fmla="*/ 857250 h 4410075"/>
              <a:gd name="connsiteX39" fmla="*/ 7400925 w 8315325"/>
              <a:gd name="connsiteY39" fmla="*/ 942975 h 4410075"/>
              <a:gd name="connsiteX40" fmla="*/ 7343775 w 8315325"/>
              <a:gd name="connsiteY40" fmla="*/ 971550 h 4410075"/>
              <a:gd name="connsiteX41" fmla="*/ 7181850 w 8315325"/>
              <a:gd name="connsiteY41" fmla="*/ 1238250 h 4410075"/>
              <a:gd name="connsiteX42" fmla="*/ 6819900 w 8315325"/>
              <a:gd name="connsiteY42" fmla="*/ 1476375 h 4410075"/>
              <a:gd name="connsiteX43" fmla="*/ 6448425 w 8315325"/>
              <a:gd name="connsiteY43" fmla="*/ 1695450 h 4410075"/>
              <a:gd name="connsiteX44" fmla="*/ 6096000 w 8315325"/>
              <a:gd name="connsiteY44" fmla="*/ 1857375 h 4410075"/>
              <a:gd name="connsiteX45" fmla="*/ 5638800 w 8315325"/>
              <a:gd name="connsiteY45" fmla="*/ 2076450 h 4410075"/>
              <a:gd name="connsiteX46" fmla="*/ 5143500 w 8315325"/>
              <a:gd name="connsiteY46" fmla="*/ 2276475 h 4410075"/>
              <a:gd name="connsiteX47" fmla="*/ 4667250 w 8315325"/>
              <a:gd name="connsiteY47" fmla="*/ 2447925 h 4410075"/>
              <a:gd name="connsiteX48" fmla="*/ 4010025 w 8315325"/>
              <a:gd name="connsiteY48" fmla="*/ 2809875 h 4410075"/>
              <a:gd name="connsiteX49" fmla="*/ 4629150 w 8315325"/>
              <a:gd name="connsiteY49" fmla="*/ 2981325 h 4410075"/>
              <a:gd name="connsiteX50" fmla="*/ 5276850 w 8315325"/>
              <a:gd name="connsiteY50" fmla="*/ 3200400 h 4410075"/>
              <a:gd name="connsiteX51" fmla="*/ 8305800 w 8315325"/>
              <a:gd name="connsiteY51" fmla="*/ 4410075 h 4410075"/>
              <a:gd name="connsiteX52" fmla="*/ 0 w 8315325"/>
              <a:gd name="connsiteY52" fmla="*/ 4410075 h 4410075"/>
              <a:gd name="connsiteX53" fmla="*/ 19050 w 8315325"/>
              <a:gd name="connsiteY5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0302 w 8315325"/>
              <a:gd name="connsiteY24" fmla="*/ 509587 h 4410075"/>
              <a:gd name="connsiteX25" fmla="*/ 6367463 w 8315325"/>
              <a:gd name="connsiteY25" fmla="*/ 490538 h 4410075"/>
              <a:gd name="connsiteX26" fmla="*/ 7362825 w 8315325"/>
              <a:gd name="connsiteY26" fmla="*/ 333375 h 4410075"/>
              <a:gd name="connsiteX27" fmla="*/ 7924800 w 8315325"/>
              <a:gd name="connsiteY27" fmla="*/ 171450 h 4410075"/>
              <a:gd name="connsiteX28" fmla="*/ 8258175 w 8315325"/>
              <a:gd name="connsiteY28" fmla="*/ 0 h 4410075"/>
              <a:gd name="connsiteX29" fmla="*/ 8315325 w 8315325"/>
              <a:gd name="connsiteY29" fmla="*/ 47625 h 4410075"/>
              <a:gd name="connsiteX30" fmla="*/ 8305800 w 8315325"/>
              <a:gd name="connsiteY30" fmla="*/ 85725 h 4410075"/>
              <a:gd name="connsiteX31" fmla="*/ 8267700 w 8315325"/>
              <a:gd name="connsiteY31" fmla="*/ 114300 h 4410075"/>
              <a:gd name="connsiteX32" fmla="*/ 8086725 w 8315325"/>
              <a:gd name="connsiteY32" fmla="*/ 219075 h 4410075"/>
              <a:gd name="connsiteX33" fmla="*/ 7991475 w 8315325"/>
              <a:gd name="connsiteY33" fmla="*/ 257175 h 4410075"/>
              <a:gd name="connsiteX34" fmla="*/ 7943850 w 8315325"/>
              <a:gd name="connsiteY34" fmla="*/ 352425 h 4410075"/>
              <a:gd name="connsiteX35" fmla="*/ 7820025 w 8315325"/>
              <a:gd name="connsiteY35" fmla="*/ 428625 h 4410075"/>
              <a:gd name="connsiteX36" fmla="*/ 7734300 w 8315325"/>
              <a:gd name="connsiteY36" fmla="*/ 590550 h 4410075"/>
              <a:gd name="connsiteX37" fmla="*/ 7667625 w 8315325"/>
              <a:gd name="connsiteY37" fmla="*/ 657225 h 4410075"/>
              <a:gd name="connsiteX38" fmla="*/ 7581900 w 8315325"/>
              <a:gd name="connsiteY38" fmla="*/ 742950 h 4410075"/>
              <a:gd name="connsiteX39" fmla="*/ 7467600 w 8315325"/>
              <a:gd name="connsiteY39" fmla="*/ 857250 h 4410075"/>
              <a:gd name="connsiteX40" fmla="*/ 7400925 w 8315325"/>
              <a:gd name="connsiteY40" fmla="*/ 942975 h 4410075"/>
              <a:gd name="connsiteX41" fmla="*/ 7343775 w 8315325"/>
              <a:gd name="connsiteY41" fmla="*/ 971550 h 4410075"/>
              <a:gd name="connsiteX42" fmla="*/ 7181850 w 8315325"/>
              <a:gd name="connsiteY42" fmla="*/ 1238250 h 4410075"/>
              <a:gd name="connsiteX43" fmla="*/ 6819900 w 8315325"/>
              <a:gd name="connsiteY43" fmla="*/ 1476375 h 4410075"/>
              <a:gd name="connsiteX44" fmla="*/ 6448425 w 8315325"/>
              <a:gd name="connsiteY44" fmla="*/ 1695450 h 4410075"/>
              <a:gd name="connsiteX45" fmla="*/ 6096000 w 8315325"/>
              <a:gd name="connsiteY45" fmla="*/ 1857375 h 4410075"/>
              <a:gd name="connsiteX46" fmla="*/ 5638800 w 8315325"/>
              <a:gd name="connsiteY46" fmla="*/ 2076450 h 4410075"/>
              <a:gd name="connsiteX47" fmla="*/ 5143500 w 8315325"/>
              <a:gd name="connsiteY47" fmla="*/ 2276475 h 4410075"/>
              <a:gd name="connsiteX48" fmla="*/ 4667250 w 8315325"/>
              <a:gd name="connsiteY48" fmla="*/ 2447925 h 4410075"/>
              <a:gd name="connsiteX49" fmla="*/ 4010025 w 8315325"/>
              <a:gd name="connsiteY49" fmla="*/ 2809875 h 4410075"/>
              <a:gd name="connsiteX50" fmla="*/ 4629150 w 8315325"/>
              <a:gd name="connsiteY50" fmla="*/ 2981325 h 4410075"/>
              <a:gd name="connsiteX51" fmla="*/ 5276850 w 8315325"/>
              <a:gd name="connsiteY51" fmla="*/ 3200400 h 4410075"/>
              <a:gd name="connsiteX52" fmla="*/ 8305800 w 8315325"/>
              <a:gd name="connsiteY52" fmla="*/ 4410075 h 4410075"/>
              <a:gd name="connsiteX53" fmla="*/ 0 w 8315325"/>
              <a:gd name="connsiteY53" fmla="*/ 4410075 h 4410075"/>
              <a:gd name="connsiteX54" fmla="*/ 19050 w 8315325"/>
              <a:gd name="connsiteY5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0302 w 8315325"/>
              <a:gd name="connsiteY24" fmla="*/ 509587 h 4410075"/>
              <a:gd name="connsiteX25" fmla="*/ 6210301 w 8315325"/>
              <a:gd name="connsiteY25" fmla="*/ 352426 h 4410075"/>
              <a:gd name="connsiteX26" fmla="*/ 7362825 w 8315325"/>
              <a:gd name="connsiteY26" fmla="*/ 333375 h 4410075"/>
              <a:gd name="connsiteX27" fmla="*/ 7924800 w 8315325"/>
              <a:gd name="connsiteY27" fmla="*/ 171450 h 4410075"/>
              <a:gd name="connsiteX28" fmla="*/ 8258175 w 8315325"/>
              <a:gd name="connsiteY28" fmla="*/ 0 h 4410075"/>
              <a:gd name="connsiteX29" fmla="*/ 8315325 w 8315325"/>
              <a:gd name="connsiteY29" fmla="*/ 47625 h 4410075"/>
              <a:gd name="connsiteX30" fmla="*/ 8305800 w 8315325"/>
              <a:gd name="connsiteY30" fmla="*/ 85725 h 4410075"/>
              <a:gd name="connsiteX31" fmla="*/ 8267700 w 8315325"/>
              <a:gd name="connsiteY31" fmla="*/ 114300 h 4410075"/>
              <a:gd name="connsiteX32" fmla="*/ 8086725 w 8315325"/>
              <a:gd name="connsiteY32" fmla="*/ 219075 h 4410075"/>
              <a:gd name="connsiteX33" fmla="*/ 7991475 w 8315325"/>
              <a:gd name="connsiteY33" fmla="*/ 257175 h 4410075"/>
              <a:gd name="connsiteX34" fmla="*/ 7943850 w 8315325"/>
              <a:gd name="connsiteY34" fmla="*/ 352425 h 4410075"/>
              <a:gd name="connsiteX35" fmla="*/ 7820025 w 8315325"/>
              <a:gd name="connsiteY35" fmla="*/ 428625 h 4410075"/>
              <a:gd name="connsiteX36" fmla="*/ 7734300 w 8315325"/>
              <a:gd name="connsiteY36" fmla="*/ 590550 h 4410075"/>
              <a:gd name="connsiteX37" fmla="*/ 7667625 w 8315325"/>
              <a:gd name="connsiteY37" fmla="*/ 657225 h 4410075"/>
              <a:gd name="connsiteX38" fmla="*/ 7581900 w 8315325"/>
              <a:gd name="connsiteY38" fmla="*/ 742950 h 4410075"/>
              <a:gd name="connsiteX39" fmla="*/ 7467600 w 8315325"/>
              <a:gd name="connsiteY39" fmla="*/ 857250 h 4410075"/>
              <a:gd name="connsiteX40" fmla="*/ 7400925 w 8315325"/>
              <a:gd name="connsiteY40" fmla="*/ 942975 h 4410075"/>
              <a:gd name="connsiteX41" fmla="*/ 7343775 w 8315325"/>
              <a:gd name="connsiteY41" fmla="*/ 971550 h 4410075"/>
              <a:gd name="connsiteX42" fmla="*/ 7181850 w 8315325"/>
              <a:gd name="connsiteY42" fmla="*/ 1238250 h 4410075"/>
              <a:gd name="connsiteX43" fmla="*/ 6819900 w 8315325"/>
              <a:gd name="connsiteY43" fmla="*/ 1476375 h 4410075"/>
              <a:gd name="connsiteX44" fmla="*/ 6448425 w 8315325"/>
              <a:gd name="connsiteY44" fmla="*/ 1695450 h 4410075"/>
              <a:gd name="connsiteX45" fmla="*/ 6096000 w 8315325"/>
              <a:gd name="connsiteY45" fmla="*/ 1857375 h 4410075"/>
              <a:gd name="connsiteX46" fmla="*/ 5638800 w 8315325"/>
              <a:gd name="connsiteY46" fmla="*/ 2076450 h 4410075"/>
              <a:gd name="connsiteX47" fmla="*/ 5143500 w 8315325"/>
              <a:gd name="connsiteY47" fmla="*/ 2276475 h 4410075"/>
              <a:gd name="connsiteX48" fmla="*/ 4667250 w 8315325"/>
              <a:gd name="connsiteY48" fmla="*/ 2447925 h 4410075"/>
              <a:gd name="connsiteX49" fmla="*/ 4010025 w 8315325"/>
              <a:gd name="connsiteY49" fmla="*/ 2809875 h 4410075"/>
              <a:gd name="connsiteX50" fmla="*/ 4629150 w 8315325"/>
              <a:gd name="connsiteY50" fmla="*/ 2981325 h 4410075"/>
              <a:gd name="connsiteX51" fmla="*/ 5276850 w 8315325"/>
              <a:gd name="connsiteY51" fmla="*/ 3200400 h 4410075"/>
              <a:gd name="connsiteX52" fmla="*/ 8305800 w 8315325"/>
              <a:gd name="connsiteY52" fmla="*/ 4410075 h 4410075"/>
              <a:gd name="connsiteX53" fmla="*/ 0 w 8315325"/>
              <a:gd name="connsiteY53" fmla="*/ 4410075 h 4410075"/>
              <a:gd name="connsiteX54" fmla="*/ 19050 w 8315325"/>
              <a:gd name="connsiteY5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0301 w 8315325"/>
              <a:gd name="connsiteY25" fmla="*/ 352426 h 4410075"/>
              <a:gd name="connsiteX26" fmla="*/ 7362825 w 8315325"/>
              <a:gd name="connsiteY26" fmla="*/ 333375 h 4410075"/>
              <a:gd name="connsiteX27" fmla="*/ 7924800 w 8315325"/>
              <a:gd name="connsiteY27" fmla="*/ 171450 h 4410075"/>
              <a:gd name="connsiteX28" fmla="*/ 8258175 w 8315325"/>
              <a:gd name="connsiteY28" fmla="*/ 0 h 4410075"/>
              <a:gd name="connsiteX29" fmla="*/ 8315325 w 8315325"/>
              <a:gd name="connsiteY29" fmla="*/ 47625 h 4410075"/>
              <a:gd name="connsiteX30" fmla="*/ 8305800 w 8315325"/>
              <a:gd name="connsiteY30" fmla="*/ 85725 h 4410075"/>
              <a:gd name="connsiteX31" fmla="*/ 8267700 w 8315325"/>
              <a:gd name="connsiteY31" fmla="*/ 114300 h 4410075"/>
              <a:gd name="connsiteX32" fmla="*/ 8086725 w 8315325"/>
              <a:gd name="connsiteY32" fmla="*/ 219075 h 4410075"/>
              <a:gd name="connsiteX33" fmla="*/ 7991475 w 8315325"/>
              <a:gd name="connsiteY33" fmla="*/ 257175 h 4410075"/>
              <a:gd name="connsiteX34" fmla="*/ 7943850 w 8315325"/>
              <a:gd name="connsiteY34" fmla="*/ 352425 h 4410075"/>
              <a:gd name="connsiteX35" fmla="*/ 7820025 w 8315325"/>
              <a:gd name="connsiteY35" fmla="*/ 428625 h 4410075"/>
              <a:gd name="connsiteX36" fmla="*/ 7734300 w 8315325"/>
              <a:gd name="connsiteY36" fmla="*/ 590550 h 4410075"/>
              <a:gd name="connsiteX37" fmla="*/ 7667625 w 8315325"/>
              <a:gd name="connsiteY37" fmla="*/ 657225 h 4410075"/>
              <a:gd name="connsiteX38" fmla="*/ 7581900 w 8315325"/>
              <a:gd name="connsiteY38" fmla="*/ 742950 h 4410075"/>
              <a:gd name="connsiteX39" fmla="*/ 7467600 w 8315325"/>
              <a:gd name="connsiteY39" fmla="*/ 857250 h 4410075"/>
              <a:gd name="connsiteX40" fmla="*/ 7400925 w 8315325"/>
              <a:gd name="connsiteY40" fmla="*/ 942975 h 4410075"/>
              <a:gd name="connsiteX41" fmla="*/ 7343775 w 8315325"/>
              <a:gd name="connsiteY41" fmla="*/ 971550 h 4410075"/>
              <a:gd name="connsiteX42" fmla="*/ 7181850 w 8315325"/>
              <a:gd name="connsiteY42" fmla="*/ 1238250 h 4410075"/>
              <a:gd name="connsiteX43" fmla="*/ 6819900 w 8315325"/>
              <a:gd name="connsiteY43" fmla="*/ 1476375 h 4410075"/>
              <a:gd name="connsiteX44" fmla="*/ 6448425 w 8315325"/>
              <a:gd name="connsiteY44" fmla="*/ 1695450 h 4410075"/>
              <a:gd name="connsiteX45" fmla="*/ 6096000 w 8315325"/>
              <a:gd name="connsiteY45" fmla="*/ 1857375 h 4410075"/>
              <a:gd name="connsiteX46" fmla="*/ 5638800 w 8315325"/>
              <a:gd name="connsiteY46" fmla="*/ 2076450 h 4410075"/>
              <a:gd name="connsiteX47" fmla="*/ 5143500 w 8315325"/>
              <a:gd name="connsiteY47" fmla="*/ 2276475 h 4410075"/>
              <a:gd name="connsiteX48" fmla="*/ 4667250 w 8315325"/>
              <a:gd name="connsiteY48" fmla="*/ 2447925 h 4410075"/>
              <a:gd name="connsiteX49" fmla="*/ 4010025 w 8315325"/>
              <a:gd name="connsiteY49" fmla="*/ 2809875 h 4410075"/>
              <a:gd name="connsiteX50" fmla="*/ 4629150 w 8315325"/>
              <a:gd name="connsiteY50" fmla="*/ 2981325 h 4410075"/>
              <a:gd name="connsiteX51" fmla="*/ 5276850 w 8315325"/>
              <a:gd name="connsiteY51" fmla="*/ 3200400 h 4410075"/>
              <a:gd name="connsiteX52" fmla="*/ 8305800 w 8315325"/>
              <a:gd name="connsiteY52" fmla="*/ 4410075 h 4410075"/>
              <a:gd name="connsiteX53" fmla="*/ 0 w 8315325"/>
              <a:gd name="connsiteY53" fmla="*/ 4410075 h 4410075"/>
              <a:gd name="connsiteX54" fmla="*/ 19050 w 8315325"/>
              <a:gd name="connsiteY5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7362825 w 8315325"/>
              <a:gd name="connsiteY26" fmla="*/ 333375 h 4410075"/>
              <a:gd name="connsiteX27" fmla="*/ 7924800 w 8315325"/>
              <a:gd name="connsiteY27" fmla="*/ 171450 h 4410075"/>
              <a:gd name="connsiteX28" fmla="*/ 8258175 w 8315325"/>
              <a:gd name="connsiteY28" fmla="*/ 0 h 4410075"/>
              <a:gd name="connsiteX29" fmla="*/ 8315325 w 8315325"/>
              <a:gd name="connsiteY29" fmla="*/ 47625 h 4410075"/>
              <a:gd name="connsiteX30" fmla="*/ 8305800 w 8315325"/>
              <a:gd name="connsiteY30" fmla="*/ 85725 h 4410075"/>
              <a:gd name="connsiteX31" fmla="*/ 8267700 w 8315325"/>
              <a:gd name="connsiteY31" fmla="*/ 114300 h 4410075"/>
              <a:gd name="connsiteX32" fmla="*/ 8086725 w 8315325"/>
              <a:gd name="connsiteY32" fmla="*/ 219075 h 4410075"/>
              <a:gd name="connsiteX33" fmla="*/ 7991475 w 8315325"/>
              <a:gd name="connsiteY33" fmla="*/ 257175 h 4410075"/>
              <a:gd name="connsiteX34" fmla="*/ 7943850 w 8315325"/>
              <a:gd name="connsiteY34" fmla="*/ 352425 h 4410075"/>
              <a:gd name="connsiteX35" fmla="*/ 7820025 w 8315325"/>
              <a:gd name="connsiteY35" fmla="*/ 428625 h 4410075"/>
              <a:gd name="connsiteX36" fmla="*/ 7734300 w 8315325"/>
              <a:gd name="connsiteY36" fmla="*/ 590550 h 4410075"/>
              <a:gd name="connsiteX37" fmla="*/ 7667625 w 8315325"/>
              <a:gd name="connsiteY37" fmla="*/ 657225 h 4410075"/>
              <a:gd name="connsiteX38" fmla="*/ 7581900 w 8315325"/>
              <a:gd name="connsiteY38" fmla="*/ 742950 h 4410075"/>
              <a:gd name="connsiteX39" fmla="*/ 7467600 w 8315325"/>
              <a:gd name="connsiteY39" fmla="*/ 857250 h 4410075"/>
              <a:gd name="connsiteX40" fmla="*/ 7400925 w 8315325"/>
              <a:gd name="connsiteY40" fmla="*/ 942975 h 4410075"/>
              <a:gd name="connsiteX41" fmla="*/ 7343775 w 8315325"/>
              <a:gd name="connsiteY41" fmla="*/ 971550 h 4410075"/>
              <a:gd name="connsiteX42" fmla="*/ 7181850 w 8315325"/>
              <a:gd name="connsiteY42" fmla="*/ 1238250 h 4410075"/>
              <a:gd name="connsiteX43" fmla="*/ 6819900 w 8315325"/>
              <a:gd name="connsiteY43" fmla="*/ 1476375 h 4410075"/>
              <a:gd name="connsiteX44" fmla="*/ 6448425 w 8315325"/>
              <a:gd name="connsiteY44" fmla="*/ 1695450 h 4410075"/>
              <a:gd name="connsiteX45" fmla="*/ 6096000 w 8315325"/>
              <a:gd name="connsiteY45" fmla="*/ 1857375 h 4410075"/>
              <a:gd name="connsiteX46" fmla="*/ 5638800 w 8315325"/>
              <a:gd name="connsiteY46" fmla="*/ 2076450 h 4410075"/>
              <a:gd name="connsiteX47" fmla="*/ 5143500 w 8315325"/>
              <a:gd name="connsiteY47" fmla="*/ 2276475 h 4410075"/>
              <a:gd name="connsiteX48" fmla="*/ 4667250 w 8315325"/>
              <a:gd name="connsiteY48" fmla="*/ 2447925 h 4410075"/>
              <a:gd name="connsiteX49" fmla="*/ 4010025 w 8315325"/>
              <a:gd name="connsiteY49" fmla="*/ 2809875 h 4410075"/>
              <a:gd name="connsiteX50" fmla="*/ 4629150 w 8315325"/>
              <a:gd name="connsiteY50" fmla="*/ 2981325 h 4410075"/>
              <a:gd name="connsiteX51" fmla="*/ 5276850 w 8315325"/>
              <a:gd name="connsiteY51" fmla="*/ 3200400 h 4410075"/>
              <a:gd name="connsiteX52" fmla="*/ 8305800 w 8315325"/>
              <a:gd name="connsiteY52" fmla="*/ 4410075 h 4410075"/>
              <a:gd name="connsiteX53" fmla="*/ 0 w 8315325"/>
              <a:gd name="connsiteY53" fmla="*/ 4410075 h 4410075"/>
              <a:gd name="connsiteX54" fmla="*/ 19050 w 8315325"/>
              <a:gd name="connsiteY5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57950 w 8315325"/>
              <a:gd name="connsiteY26" fmla="*/ 338138 h 4410075"/>
              <a:gd name="connsiteX27" fmla="*/ 7362825 w 8315325"/>
              <a:gd name="connsiteY27" fmla="*/ 333375 h 4410075"/>
              <a:gd name="connsiteX28" fmla="*/ 7924800 w 8315325"/>
              <a:gd name="connsiteY28" fmla="*/ 171450 h 4410075"/>
              <a:gd name="connsiteX29" fmla="*/ 8258175 w 8315325"/>
              <a:gd name="connsiteY29" fmla="*/ 0 h 4410075"/>
              <a:gd name="connsiteX30" fmla="*/ 8315325 w 8315325"/>
              <a:gd name="connsiteY30" fmla="*/ 47625 h 4410075"/>
              <a:gd name="connsiteX31" fmla="*/ 8305800 w 8315325"/>
              <a:gd name="connsiteY31" fmla="*/ 85725 h 4410075"/>
              <a:gd name="connsiteX32" fmla="*/ 8267700 w 8315325"/>
              <a:gd name="connsiteY32" fmla="*/ 114300 h 4410075"/>
              <a:gd name="connsiteX33" fmla="*/ 8086725 w 8315325"/>
              <a:gd name="connsiteY33" fmla="*/ 219075 h 4410075"/>
              <a:gd name="connsiteX34" fmla="*/ 7991475 w 8315325"/>
              <a:gd name="connsiteY34" fmla="*/ 257175 h 4410075"/>
              <a:gd name="connsiteX35" fmla="*/ 7943850 w 8315325"/>
              <a:gd name="connsiteY35" fmla="*/ 352425 h 4410075"/>
              <a:gd name="connsiteX36" fmla="*/ 7820025 w 8315325"/>
              <a:gd name="connsiteY36" fmla="*/ 428625 h 4410075"/>
              <a:gd name="connsiteX37" fmla="*/ 7734300 w 8315325"/>
              <a:gd name="connsiteY37" fmla="*/ 590550 h 4410075"/>
              <a:gd name="connsiteX38" fmla="*/ 7667625 w 8315325"/>
              <a:gd name="connsiteY38" fmla="*/ 657225 h 4410075"/>
              <a:gd name="connsiteX39" fmla="*/ 7581900 w 8315325"/>
              <a:gd name="connsiteY39" fmla="*/ 742950 h 4410075"/>
              <a:gd name="connsiteX40" fmla="*/ 7467600 w 8315325"/>
              <a:gd name="connsiteY40" fmla="*/ 857250 h 4410075"/>
              <a:gd name="connsiteX41" fmla="*/ 7400925 w 8315325"/>
              <a:gd name="connsiteY41" fmla="*/ 942975 h 4410075"/>
              <a:gd name="connsiteX42" fmla="*/ 7343775 w 8315325"/>
              <a:gd name="connsiteY42" fmla="*/ 971550 h 4410075"/>
              <a:gd name="connsiteX43" fmla="*/ 7181850 w 8315325"/>
              <a:gd name="connsiteY43" fmla="*/ 1238250 h 4410075"/>
              <a:gd name="connsiteX44" fmla="*/ 6819900 w 8315325"/>
              <a:gd name="connsiteY44" fmla="*/ 1476375 h 4410075"/>
              <a:gd name="connsiteX45" fmla="*/ 6448425 w 8315325"/>
              <a:gd name="connsiteY45" fmla="*/ 1695450 h 4410075"/>
              <a:gd name="connsiteX46" fmla="*/ 6096000 w 8315325"/>
              <a:gd name="connsiteY46" fmla="*/ 1857375 h 4410075"/>
              <a:gd name="connsiteX47" fmla="*/ 5638800 w 8315325"/>
              <a:gd name="connsiteY47" fmla="*/ 2076450 h 4410075"/>
              <a:gd name="connsiteX48" fmla="*/ 5143500 w 8315325"/>
              <a:gd name="connsiteY48" fmla="*/ 2276475 h 4410075"/>
              <a:gd name="connsiteX49" fmla="*/ 4667250 w 8315325"/>
              <a:gd name="connsiteY49" fmla="*/ 2447925 h 4410075"/>
              <a:gd name="connsiteX50" fmla="*/ 4010025 w 8315325"/>
              <a:gd name="connsiteY50" fmla="*/ 2809875 h 4410075"/>
              <a:gd name="connsiteX51" fmla="*/ 4629150 w 8315325"/>
              <a:gd name="connsiteY51" fmla="*/ 2981325 h 4410075"/>
              <a:gd name="connsiteX52" fmla="*/ 5276850 w 8315325"/>
              <a:gd name="connsiteY52" fmla="*/ 3200400 h 4410075"/>
              <a:gd name="connsiteX53" fmla="*/ 8305800 w 8315325"/>
              <a:gd name="connsiteY53" fmla="*/ 4410075 h 4410075"/>
              <a:gd name="connsiteX54" fmla="*/ 0 w 8315325"/>
              <a:gd name="connsiteY54" fmla="*/ 4410075 h 4410075"/>
              <a:gd name="connsiteX55" fmla="*/ 19050 w 8315325"/>
              <a:gd name="connsiteY5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7362825 w 8315325"/>
              <a:gd name="connsiteY27" fmla="*/ 333375 h 4410075"/>
              <a:gd name="connsiteX28" fmla="*/ 7924800 w 8315325"/>
              <a:gd name="connsiteY28" fmla="*/ 171450 h 4410075"/>
              <a:gd name="connsiteX29" fmla="*/ 8258175 w 8315325"/>
              <a:gd name="connsiteY29" fmla="*/ 0 h 4410075"/>
              <a:gd name="connsiteX30" fmla="*/ 8315325 w 8315325"/>
              <a:gd name="connsiteY30" fmla="*/ 47625 h 4410075"/>
              <a:gd name="connsiteX31" fmla="*/ 8305800 w 8315325"/>
              <a:gd name="connsiteY31" fmla="*/ 85725 h 4410075"/>
              <a:gd name="connsiteX32" fmla="*/ 8267700 w 8315325"/>
              <a:gd name="connsiteY32" fmla="*/ 114300 h 4410075"/>
              <a:gd name="connsiteX33" fmla="*/ 8086725 w 8315325"/>
              <a:gd name="connsiteY33" fmla="*/ 219075 h 4410075"/>
              <a:gd name="connsiteX34" fmla="*/ 7991475 w 8315325"/>
              <a:gd name="connsiteY34" fmla="*/ 257175 h 4410075"/>
              <a:gd name="connsiteX35" fmla="*/ 7943850 w 8315325"/>
              <a:gd name="connsiteY35" fmla="*/ 352425 h 4410075"/>
              <a:gd name="connsiteX36" fmla="*/ 7820025 w 8315325"/>
              <a:gd name="connsiteY36" fmla="*/ 428625 h 4410075"/>
              <a:gd name="connsiteX37" fmla="*/ 7734300 w 8315325"/>
              <a:gd name="connsiteY37" fmla="*/ 590550 h 4410075"/>
              <a:gd name="connsiteX38" fmla="*/ 7667625 w 8315325"/>
              <a:gd name="connsiteY38" fmla="*/ 657225 h 4410075"/>
              <a:gd name="connsiteX39" fmla="*/ 7581900 w 8315325"/>
              <a:gd name="connsiteY39" fmla="*/ 742950 h 4410075"/>
              <a:gd name="connsiteX40" fmla="*/ 7467600 w 8315325"/>
              <a:gd name="connsiteY40" fmla="*/ 857250 h 4410075"/>
              <a:gd name="connsiteX41" fmla="*/ 7400925 w 8315325"/>
              <a:gd name="connsiteY41" fmla="*/ 942975 h 4410075"/>
              <a:gd name="connsiteX42" fmla="*/ 7343775 w 8315325"/>
              <a:gd name="connsiteY42" fmla="*/ 971550 h 4410075"/>
              <a:gd name="connsiteX43" fmla="*/ 7181850 w 8315325"/>
              <a:gd name="connsiteY43" fmla="*/ 1238250 h 4410075"/>
              <a:gd name="connsiteX44" fmla="*/ 6819900 w 8315325"/>
              <a:gd name="connsiteY44" fmla="*/ 1476375 h 4410075"/>
              <a:gd name="connsiteX45" fmla="*/ 6448425 w 8315325"/>
              <a:gd name="connsiteY45" fmla="*/ 1695450 h 4410075"/>
              <a:gd name="connsiteX46" fmla="*/ 6096000 w 8315325"/>
              <a:gd name="connsiteY46" fmla="*/ 1857375 h 4410075"/>
              <a:gd name="connsiteX47" fmla="*/ 5638800 w 8315325"/>
              <a:gd name="connsiteY47" fmla="*/ 2076450 h 4410075"/>
              <a:gd name="connsiteX48" fmla="*/ 5143500 w 8315325"/>
              <a:gd name="connsiteY48" fmla="*/ 2276475 h 4410075"/>
              <a:gd name="connsiteX49" fmla="*/ 4667250 w 8315325"/>
              <a:gd name="connsiteY49" fmla="*/ 2447925 h 4410075"/>
              <a:gd name="connsiteX50" fmla="*/ 4010025 w 8315325"/>
              <a:gd name="connsiteY50" fmla="*/ 2809875 h 4410075"/>
              <a:gd name="connsiteX51" fmla="*/ 4629150 w 8315325"/>
              <a:gd name="connsiteY51" fmla="*/ 2981325 h 4410075"/>
              <a:gd name="connsiteX52" fmla="*/ 5276850 w 8315325"/>
              <a:gd name="connsiteY52" fmla="*/ 3200400 h 4410075"/>
              <a:gd name="connsiteX53" fmla="*/ 8305800 w 8315325"/>
              <a:gd name="connsiteY53" fmla="*/ 4410075 h 4410075"/>
              <a:gd name="connsiteX54" fmla="*/ 0 w 8315325"/>
              <a:gd name="connsiteY54" fmla="*/ 4410075 h 4410075"/>
              <a:gd name="connsiteX55" fmla="*/ 19050 w 8315325"/>
              <a:gd name="connsiteY5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67500 w 8315325"/>
              <a:gd name="connsiteY27" fmla="*/ 285750 h 4410075"/>
              <a:gd name="connsiteX28" fmla="*/ 7362825 w 8315325"/>
              <a:gd name="connsiteY28" fmla="*/ 333375 h 4410075"/>
              <a:gd name="connsiteX29" fmla="*/ 7924800 w 8315325"/>
              <a:gd name="connsiteY29" fmla="*/ 171450 h 4410075"/>
              <a:gd name="connsiteX30" fmla="*/ 8258175 w 8315325"/>
              <a:gd name="connsiteY30" fmla="*/ 0 h 4410075"/>
              <a:gd name="connsiteX31" fmla="*/ 8315325 w 8315325"/>
              <a:gd name="connsiteY31" fmla="*/ 47625 h 4410075"/>
              <a:gd name="connsiteX32" fmla="*/ 8305800 w 8315325"/>
              <a:gd name="connsiteY32" fmla="*/ 85725 h 4410075"/>
              <a:gd name="connsiteX33" fmla="*/ 8267700 w 8315325"/>
              <a:gd name="connsiteY33" fmla="*/ 114300 h 4410075"/>
              <a:gd name="connsiteX34" fmla="*/ 8086725 w 8315325"/>
              <a:gd name="connsiteY34" fmla="*/ 219075 h 4410075"/>
              <a:gd name="connsiteX35" fmla="*/ 7991475 w 8315325"/>
              <a:gd name="connsiteY35" fmla="*/ 257175 h 4410075"/>
              <a:gd name="connsiteX36" fmla="*/ 7943850 w 8315325"/>
              <a:gd name="connsiteY36" fmla="*/ 352425 h 4410075"/>
              <a:gd name="connsiteX37" fmla="*/ 7820025 w 8315325"/>
              <a:gd name="connsiteY37" fmla="*/ 428625 h 4410075"/>
              <a:gd name="connsiteX38" fmla="*/ 7734300 w 8315325"/>
              <a:gd name="connsiteY38" fmla="*/ 590550 h 4410075"/>
              <a:gd name="connsiteX39" fmla="*/ 7667625 w 8315325"/>
              <a:gd name="connsiteY39" fmla="*/ 657225 h 4410075"/>
              <a:gd name="connsiteX40" fmla="*/ 7581900 w 8315325"/>
              <a:gd name="connsiteY40" fmla="*/ 742950 h 4410075"/>
              <a:gd name="connsiteX41" fmla="*/ 7467600 w 8315325"/>
              <a:gd name="connsiteY41" fmla="*/ 857250 h 4410075"/>
              <a:gd name="connsiteX42" fmla="*/ 7400925 w 8315325"/>
              <a:gd name="connsiteY42" fmla="*/ 942975 h 4410075"/>
              <a:gd name="connsiteX43" fmla="*/ 7343775 w 8315325"/>
              <a:gd name="connsiteY43" fmla="*/ 971550 h 4410075"/>
              <a:gd name="connsiteX44" fmla="*/ 7181850 w 8315325"/>
              <a:gd name="connsiteY44" fmla="*/ 1238250 h 4410075"/>
              <a:gd name="connsiteX45" fmla="*/ 6819900 w 8315325"/>
              <a:gd name="connsiteY45" fmla="*/ 1476375 h 4410075"/>
              <a:gd name="connsiteX46" fmla="*/ 6448425 w 8315325"/>
              <a:gd name="connsiteY46" fmla="*/ 1695450 h 4410075"/>
              <a:gd name="connsiteX47" fmla="*/ 6096000 w 8315325"/>
              <a:gd name="connsiteY47" fmla="*/ 1857375 h 4410075"/>
              <a:gd name="connsiteX48" fmla="*/ 5638800 w 8315325"/>
              <a:gd name="connsiteY48" fmla="*/ 2076450 h 4410075"/>
              <a:gd name="connsiteX49" fmla="*/ 5143500 w 8315325"/>
              <a:gd name="connsiteY49" fmla="*/ 2276475 h 4410075"/>
              <a:gd name="connsiteX50" fmla="*/ 4667250 w 8315325"/>
              <a:gd name="connsiteY50" fmla="*/ 2447925 h 4410075"/>
              <a:gd name="connsiteX51" fmla="*/ 4010025 w 8315325"/>
              <a:gd name="connsiteY51" fmla="*/ 2809875 h 4410075"/>
              <a:gd name="connsiteX52" fmla="*/ 4629150 w 8315325"/>
              <a:gd name="connsiteY52" fmla="*/ 2981325 h 4410075"/>
              <a:gd name="connsiteX53" fmla="*/ 5276850 w 8315325"/>
              <a:gd name="connsiteY53" fmla="*/ 3200400 h 4410075"/>
              <a:gd name="connsiteX54" fmla="*/ 8305800 w 8315325"/>
              <a:gd name="connsiteY54" fmla="*/ 4410075 h 4410075"/>
              <a:gd name="connsiteX55" fmla="*/ 0 w 8315325"/>
              <a:gd name="connsiteY55" fmla="*/ 4410075 h 4410075"/>
              <a:gd name="connsiteX56" fmla="*/ 19050 w 8315325"/>
              <a:gd name="connsiteY5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7362825 w 8315325"/>
              <a:gd name="connsiteY28" fmla="*/ 333375 h 4410075"/>
              <a:gd name="connsiteX29" fmla="*/ 7924800 w 8315325"/>
              <a:gd name="connsiteY29" fmla="*/ 171450 h 4410075"/>
              <a:gd name="connsiteX30" fmla="*/ 8258175 w 8315325"/>
              <a:gd name="connsiteY30" fmla="*/ 0 h 4410075"/>
              <a:gd name="connsiteX31" fmla="*/ 8315325 w 8315325"/>
              <a:gd name="connsiteY31" fmla="*/ 47625 h 4410075"/>
              <a:gd name="connsiteX32" fmla="*/ 8305800 w 8315325"/>
              <a:gd name="connsiteY32" fmla="*/ 85725 h 4410075"/>
              <a:gd name="connsiteX33" fmla="*/ 8267700 w 8315325"/>
              <a:gd name="connsiteY33" fmla="*/ 114300 h 4410075"/>
              <a:gd name="connsiteX34" fmla="*/ 8086725 w 8315325"/>
              <a:gd name="connsiteY34" fmla="*/ 219075 h 4410075"/>
              <a:gd name="connsiteX35" fmla="*/ 7991475 w 8315325"/>
              <a:gd name="connsiteY35" fmla="*/ 257175 h 4410075"/>
              <a:gd name="connsiteX36" fmla="*/ 7943850 w 8315325"/>
              <a:gd name="connsiteY36" fmla="*/ 352425 h 4410075"/>
              <a:gd name="connsiteX37" fmla="*/ 7820025 w 8315325"/>
              <a:gd name="connsiteY37" fmla="*/ 428625 h 4410075"/>
              <a:gd name="connsiteX38" fmla="*/ 7734300 w 8315325"/>
              <a:gd name="connsiteY38" fmla="*/ 590550 h 4410075"/>
              <a:gd name="connsiteX39" fmla="*/ 7667625 w 8315325"/>
              <a:gd name="connsiteY39" fmla="*/ 657225 h 4410075"/>
              <a:gd name="connsiteX40" fmla="*/ 7581900 w 8315325"/>
              <a:gd name="connsiteY40" fmla="*/ 742950 h 4410075"/>
              <a:gd name="connsiteX41" fmla="*/ 7467600 w 8315325"/>
              <a:gd name="connsiteY41" fmla="*/ 857250 h 4410075"/>
              <a:gd name="connsiteX42" fmla="*/ 7400925 w 8315325"/>
              <a:gd name="connsiteY42" fmla="*/ 942975 h 4410075"/>
              <a:gd name="connsiteX43" fmla="*/ 7343775 w 8315325"/>
              <a:gd name="connsiteY43" fmla="*/ 971550 h 4410075"/>
              <a:gd name="connsiteX44" fmla="*/ 7181850 w 8315325"/>
              <a:gd name="connsiteY44" fmla="*/ 1238250 h 4410075"/>
              <a:gd name="connsiteX45" fmla="*/ 6819900 w 8315325"/>
              <a:gd name="connsiteY45" fmla="*/ 1476375 h 4410075"/>
              <a:gd name="connsiteX46" fmla="*/ 6448425 w 8315325"/>
              <a:gd name="connsiteY46" fmla="*/ 1695450 h 4410075"/>
              <a:gd name="connsiteX47" fmla="*/ 6096000 w 8315325"/>
              <a:gd name="connsiteY47" fmla="*/ 1857375 h 4410075"/>
              <a:gd name="connsiteX48" fmla="*/ 5638800 w 8315325"/>
              <a:gd name="connsiteY48" fmla="*/ 2076450 h 4410075"/>
              <a:gd name="connsiteX49" fmla="*/ 5143500 w 8315325"/>
              <a:gd name="connsiteY49" fmla="*/ 2276475 h 4410075"/>
              <a:gd name="connsiteX50" fmla="*/ 4667250 w 8315325"/>
              <a:gd name="connsiteY50" fmla="*/ 2447925 h 4410075"/>
              <a:gd name="connsiteX51" fmla="*/ 4010025 w 8315325"/>
              <a:gd name="connsiteY51" fmla="*/ 2809875 h 4410075"/>
              <a:gd name="connsiteX52" fmla="*/ 4629150 w 8315325"/>
              <a:gd name="connsiteY52" fmla="*/ 2981325 h 4410075"/>
              <a:gd name="connsiteX53" fmla="*/ 5276850 w 8315325"/>
              <a:gd name="connsiteY53" fmla="*/ 3200400 h 4410075"/>
              <a:gd name="connsiteX54" fmla="*/ 8305800 w 8315325"/>
              <a:gd name="connsiteY54" fmla="*/ 4410075 h 4410075"/>
              <a:gd name="connsiteX55" fmla="*/ 0 w 8315325"/>
              <a:gd name="connsiteY55" fmla="*/ 4410075 h 4410075"/>
              <a:gd name="connsiteX56" fmla="*/ 19050 w 8315325"/>
              <a:gd name="connsiteY5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710363 w 8315325"/>
              <a:gd name="connsiteY28" fmla="*/ 300038 h 4410075"/>
              <a:gd name="connsiteX29" fmla="*/ 7362825 w 8315325"/>
              <a:gd name="connsiteY29" fmla="*/ 333375 h 4410075"/>
              <a:gd name="connsiteX30" fmla="*/ 7924800 w 8315325"/>
              <a:gd name="connsiteY30" fmla="*/ 171450 h 4410075"/>
              <a:gd name="connsiteX31" fmla="*/ 8258175 w 8315325"/>
              <a:gd name="connsiteY31" fmla="*/ 0 h 4410075"/>
              <a:gd name="connsiteX32" fmla="*/ 8315325 w 8315325"/>
              <a:gd name="connsiteY32" fmla="*/ 47625 h 4410075"/>
              <a:gd name="connsiteX33" fmla="*/ 8305800 w 8315325"/>
              <a:gd name="connsiteY33" fmla="*/ 85725 h 4410075"/>
              <a:gd name="connsiteX34" fmla="*/ 8267700 w 8315325"/>
              <a:gd name="connsiteY34" fmla="*/ 114300 h 4410075"/>
              <a:gd name="connsiteX35" fmla="*/ 8086725 w 8315325"/>
              <a:gd name="connsiteY35" fmla="*/ 219075 h 4410075"/>
              <a:gd name="connsiteX36" fmla="*/ 7991475 w 8315325"/>
              <a:gd name="connsiteY36" fmla="*/ 257175 h 4410075"/>
              <a:gd name="connsiteX37" fmla="*/ 7943850 w 8315325"/>
              <a:gd name="connsiteY37" fmla="*/ 352425 h 4410075"/>
              <a:gd name="connsiteX38" fmla="*/ 7820025 w 8315325"/>
              <a:gd name="connsiteY38" fmla="*/ 428625 h 4410075"/>
              <a:gd name="connsiteX39" fmla="*/ 7734300 w 8315325"/>
              <a:gd name="connsiteY39" fmla="*/ 590550 h 4410075"/>
              <a:gd name="connsiteX40" fmla="*/ 7667625 w 8315325"/>
              <a:gd name="connsiteY40" fmla="*/ 657225 h 4410075"/>
              <a:gd name="connsiteX41" fmla="*/ 7581900 w 8315325"/>
              <a:gd name="connsiteY41" fmla="*/ 742950 h 4410075"/>
              <a:gd name="connsiteX42" fmla="*/ 7467600 w 8315325"/>
              <a:gd name="connsiteY42" fmla="*/ 857250 h 4410075"/>
              <a:gd name="connsiteX43" fmla="*/ 7400925 w 8315325"/>
              <a:gd name="connsiteY43" fmla="*/ 942975 h 4410075"/>
              <a:gd name="connsiteX44" fmla="*/ 7343775 w 8315325"/>
              <a:gd name="connsiteY44" fmla="*/ 971550 h 4410075"/>
              <a:gd name="connsiteX45" fmla="*/ 7181850 w 8315325"/>
              <a:gd name="connsiteY45" fmla="*/ 1238250 h 4410075"/>
              <a:gd name="connsiteX46" fmla="*/ 6819900 w 8315325"/>
              <a:gd name="connsiteY46" fmla="*/ 1476375 h 4410075"/>
              <a:gd name="connsiteX47" fmla="*/ 6448425 w 8315325"/>
              <a:gd name="connsiteY47" fmla="*/ 1695450 h 4410075"/>
              <a:gd name="connsiteX48" fmla="*/ 6096000 w 8315325"/>
              <a:gd name="connsiteY48" fmla="*/ 1857375 h 4410075"/>
              <a:gd name="connsiteX49" fmla="*/ 5638800 w 8315325"/>
              <a:gd name="connsiteY49" fmla="*/ 2076450 h 4410075"/>
              <a:gd name="connsiteX50" fmla="*/ 5143500 w 8315325"/>
              <a:gd name="connsiteY50" fmla="*/ 2276475 h 4410075"/>
              <a:gd name="connsiteX51" fmla="*/ 4667250 w 8315325"/>
              <a:gd name="connsiteY51" fmla="*/ 2447925 h 4410075"/>
              <a:gd name="connsiteX52" fmla="*/ 4010025 w 8315325"/>
              <a:gd name="connsiteY52" fmla="*/ 2809875 h 4410075"/>
              <a:gd name="connsiteX53" fmla="*/ 4629150 w 8315325"/>
              <a:gd name="connsiteY53" fmla="*/ 2981325 h 4410075"/>
              <a:gd name="connsiteX54" fmla="*/ 5276850 w 8315325"/>
              <a:gd name="connsiteY54" fmla="*/ 3200400 h 4410075"/>
              <a:gd name="connsiteX55" fmla="*/ 8305800 w 8315325"/>
              <a:gd name="connsiteY55" fmla="*/ 4410075 h 4410075"/>
              <a:gd name="connsiteX56" fmla="*/ 0 w 8315325"/>
              <a:gd name="connsiteY56" fmla="*/ 4410075 h 4410075"/>
              <a:gd name="connsiteX57" fmla="*/ 19050 w 8315325"/>
              <a:gd name="connsiteY5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7362825 w 8315325"/>
              <a:gd name="connsiteY29" fmla="*/ 333375 h 4410075"/>
              <a:gd name="connsiteX30" fmla="*/ 7924800 w 8315325"/>
              <a:gd name="connsiteY30" fmla="*/ 171450 h 4410075"/>
              <a:gd name="connsiteX31" fmla="*/ 8258175 w 8315325"/>
              <a:gd name="connsiteY31" fmla="*/ 0 h 4410075"/>
              <a:gd name="connsiteX32" fmla="*/ 8315325 w 8315325"/>
              <a:gd name="connsiteY32" fmla="*/ 47625 h 4410075"/>
              <a:gd name="connsiteX33" fmla="*/ 8305800 w 8315325"/>
              <a:gd name="connsiteY33" fmla="*/ 85725 h 4410075"/>
              <a:gd name="connsiteX34" fmla="*/ 8267700 w 8315325"/>
              <a:gd name="connsiteY34" fmla="*/ 114300 h 4410075"/>
              <a:gd name="connsiteX35" fmla="*/ 8086725 w 8315325"/>
              <a:gd name="connsiteY35" fmla="*/ 219075 h 4410075"/>
              <a:gd name="connsiteX36" fmla="*/ 7991475 w 8315325"/>
              <a:gd name="connsiteY36" fmla="*/ 257175 h 4410075"/>
              <a:gd name="connsiteX37" fmla="*/ 7943850 w 8315325"/>
              <a:gd name="connsiteY37" fmla="*/ 352425 h 4410075"/>
              <a:gd name="connsiteX38" fmla="*/ 7820025 w 8315325"/>
              <a:gd name="connsiteY38" fmla="*/ 428625 h 4410075"/>
              <a:gd name="connsiteX39" fmla="*/ 7734300 w 8315325"/>
              <a:gd name="connsiteY39" fmla="*/ 590550 h 4410075"/>
              <a:gd name="connsiteX40" fmla="*/ 7667625 w 8315325"/>
              <a:gd name="connsiteY40" fmla="*/ 657225 h 4410075"/>
              <a:gd name="connsiteX41" fmla="*/ 7581900 w 8315325"/>
              <a:gd name="connsiteY41" fmla="*/ 742950 h 4410075"/>
              <a:gd name="connsiteX42" fmla="*/ 7467600 w 8315325"/>
              <a:gd name="connsiteY42" fmla="*/ 857250 h 4410075"/>
              <a:gd name="connsiteX43" fmla="*/ 7400925 w 8315325"/>
              <a:gd name="connsiteY43" fmla="*/ 942975 h 4410075"/>
              <a:gd name="connsiteX44" fmla="*/ 7343775 w 8315325"/>
              <a:gd name="connsiteY44" fmla="*/ 971550 h 4410075"/>
              <a:gd name="connsiteX45" fmla="*/ 7181850 w 8315325"/>
              <a:gd name="connsiteY45" fmla="*/ 1238250 h 4410075"/>
              <a:gd name="connsiteX46" fmla="*/ 6819900 w 8315325"/>
              <a:gd name="connsiteY46" fmla="*/ 1476375 h 4410075"/>
              <a:gd name="connsiteX47" fmla="*/ 6448425 w 8315325"/>
              <a:gd name="connsiteY47" fmla="*/ 1695450 h 4410075"/>
              <a:gd name="connsiteX48" fmla="*/ 6096000 w 8315325"/>
              <a:gd name="connsiteY48" fmla="*/ 1857375 h 4410075"/>
              <a:gd name="connsiteX49" fmla="*/ 5638800 w 8315325"/>
              <a:gd name="connsiteY49" fmla="*/ 2076450 h 4410075"/>
              <a:gd name="connsiteX50" fmla="*/ 5143500 w 8315325"/>
              <a:gd name="connsiteY50" fmla="*/ 2276475 h 4410075"/>
              <a:gd name="connsiteX51" fmla="*/ 4667250 w 8315325"/>
              <a:gd name="connsiteY51" fmla="*/ 2447925 h 4410075"/>
              <a:gd name="connsiteX52" fmla="*/ 4010025 w 8315325"/>
              <a:gd name="connsiteY52" fmla="*/ 2809875 h 4410075"/>
              <a:gd name="connsiteX53" fmla="*/ 4629150 w 8315325"/>
              <a:gd name="connsiteY53" fmla="*/ 2981325 h 4410075"/>
              <a:gd name="connsiteX54" fmla="*/ 5276850 w 8315325"/>
              <a:gd name="connsiteY54" fmla="*/ 3200400 h 4410075"/>
              <a:gd name="connsiteX55" fmla="*/ 8305800 w 8315325"/>
              <a:gd name="connsiteY55" fmla="*/ 4410075 h 4410075"/>
              <a:gd name="connsiteX56" fmla="*/ 0 w 8315325"/>
              <a:gd name="connsiteY56" fmla="*/ 4410075 h 4410075"/>
              <a:gd name="connsiteX57" fmla="*/ 19050 w 8315325"/>
              <a:gd name="connsiteY57"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767513 w 8315325"/>
              <a:gd name="connsiteY29" fmla="*/ 328613 h 4410075"/>
              <a:gd name="connsiteX30" fmla="*/ 7362825 w 8315325"/>
              <a:gd name="connsiteY30" fmla="*/ 333375 h 4410075"/>
              <a:gd name="connsiteX31" fmla="*/ 7924800 w 8315325"/>
              <a:gd name="connsiteY31" fmla="*/ 171450 h 4410075"/>
              <a:gd name="connsiteX32" fmla="*/ 8258175 w 8315325"/>
              <a:gd name="connsiteY32" fmla="*/ 0 h 4410075"/>
              <a:gd name="connsiteX33" fmla="*/ 8315325 w 8315325"/>
              <a:gd name="connsiteY33" fmla="*/ 47625 h 4410075"/>
              <a:gd name="connsiteX34" fmla="*/ 8305800 w 8315325"/>
              <a:gd name="connsiteY34" fmla="*/ 85725 h 4410075"/>
              <a:gd name="connsiteX35" fmla="*/ 8267700 w 8315325"/>
              <a:gd name="connsiteY35" fmla="*/ 114300 h 4410075"/>
              <a:gd name="connsiteX36" fmla="*/ 8086725 w 8315325"/>
              <a:gd name="connsiteY36" fmla="*/ 219075 h 4410075"/>
              <a:gd name="connsiteX37" fmla="*/ 7991475 w 8315325"/>
              <a:gd name="connsiteY37" fmla="*/ 257175 h 4410075"/>
              <a:gd name="connsiteX38" fmla="*/ 7943850 w 8315325"/>
              <a:gd name="connsiteY38" fmla="*/ 352425 h 4410075"/>
              <a:gd name="connsiteX39" fmla="*/ 7820025 w 8315325"/>
              <a:gd name="connsiteY39" fmla="*/ 428625 h 4410075"/>
              <a:gd name="connsiteX40" fmla="*/ 7734300 w 8315325"/>
              <a:gd name="connsiteY40" fmla="*/ 590550 h 4410075"/>
              <a:gd name="connsiteX41" fmla="*/ 7667625 w 8315325"/>
              <a:gd name="connsiteY41" fmla="*/ 657225 h 4410075"/>
              <a:gd name="connsiteX42" fmla="*/ 7581900 w 8315325"/>
              <a:gd name="connsiteY42" fmla="*/ 742950 h 4410075"/>
              <a:gd name="connsiteX43" fmla="*/ 7467600 w 8315325"/>
              <a:gd name="connsiteY43" fmla="*/ 857250 h 4410075"/>
              <a:gd name="connsiteX44" fmla="*/ 7400925 w 8315325"/>
              <a:gd name="connsiteY44" fmla="*/ 942975 h 4410075"/>
              <a:gd name="connsiteX45" fmla="*/ 7343775 w 8315325"/>
              <a:gd name="connsiteY45" fmla="*/ 971550 h 4410075"/>
              <a:gd name="connsiteX46" fmla="*/ 7181850 w 8315325"/>
              <a:gd name="connsiteY46" fmla="*/ 1238250 h 4410075"/>
              <a:gd name="connsiteX47" fmla="*/ 6819900 w 8315325"/>
              <a:gd name="connsiteY47" fmla="*/ 1476375 h 4410075"/>
              <a:gd name="connsiteX48" fmla="*/ 6448425 w 8315325"/>
              <a:gd name="connsiteY48" fmla="*/ 1695450 h 4410075"/>
              <a:gd name="connsiteX49" fmla="*/ 6096000 w 8315325"/>
              <a:gd name="connsiteY49" fmla="*/ 1857375 h 4410075"/>
              <a:gd name="connsiteX50" fmla="*/ 5638800 w 8315325"/>
              <a:gd name="connsiteY50" fmla="*/ 2076450 h 4410075"/>
              <a:gd name="connsiteX51" fmla="*/ 5143500 w 8315325"/>
              <a:gd name="connsiteY51" fmla="*/ 2276475 h 4410075"/>
              <a:gd name="connsiteX52" fmla="*/ 4667250 w 8315325"/>
              <a:gd name="connsiteY52" fmla="*/ 2447925 h 4410075"/>
              <a:gd name="connsiteX53" fmla="*/ 4010025 w 8315325"/>
              <a:gd name="connsiteY53" fmla="*/ 2809875 h 4410075"/>
              <a:gd name="connsiteX54" fmla="*/ 4629150 w 8315325"/>
              <a:gd name="connsiteY54" fmla="*/ 2981325 h 4410075"/>
              <a:gd name="connsiteX55" fmla="*/ 5276850 w 8315325"/>
              <a:gd name="connsiteY55" fmla="*/ 3200400 h 4410075"/>
              <a:gd name="connsiteX56" fmla="*/ 8305800 w 8315325"/>
              <a:gd name="connsiteY56" fmla="*/ 4410075 h 4410075"/>
              <a:gd name="connsiteX57" fmla="*/ 0 w 8315325"/>
              <a:gd name="connsiteY57" fmla="*/ 4410075 h 4410075"/>
              <a:gd name="connsiteX58" fmla="*/ 19050 w 8315325"/>
              <a:gd name="connsiteY5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7362825 w 8315325"/>
              <a:gd name="connsiteY30" fmla="*/ 333375 h 4410075"/>
              <a:gd name="connsiteX31" fmla="*/ 7924800 w 8315325"/>
              <a:gd name="connsiteY31" fmla="*/ 171450 h 4410075"/>
              <a:gd name="connsiteX32" fmla="*/ 8258175 w 8315325"/>
              <a:gd name="connsiteY32" fmla="*/ 0 h 4410075"/>
              <a:gd name="connsiteX33" fmla="*/ 8315325 w 8315325"/>
              <a:gd name="connsiteY33" fmla="*/ 47625 h 4410075"/>
              <a:gd name="connsiteX34" fmla="*/ 8305800 w 8315325"/>
              <a:gd name="connsiteY34" fmla="*/ 85725 h 4410075"/>
              <a:gd name="connsiteX35" fmla="*/ 8267700 w 8315325"/>
              <a:gd name="connsiteY35" fmla="*/ 114300 h 4410075"/>
              <a:gd name="connsiteX36" fmla="*/ 8086725 w 8315325"/>
              <a:gd name="connsiteY36" fmla="*/ 219075 h 4410075"/>
              <a:gd name="connsiteX37" fmla="*/ 7991475 w 8315325"/>
              <a:gd name="connsiteY37" fmla="*/ 257175 h 4410075"/>
              <a:gd name="connsiteX38" fmla="*/ 7943850 w 8315325"/>
              <a:gd name="connsiteY38" fmla="*/ 352425 h 4410075"/>
              <a:gd name="connsiteX39" fmla="*/ 7820025 w 8315325"/>
              <a:gd name="connsiteY39" fmla="*/ 428625 h 4410075"/>
              <a:gd name="connsiteX40" fmla="*/ 7734300 w 8315325"/>
              <a:gd name="connsiteY40" fmla="*/ 590550 h 4410075"/>
              <a:gd name="connsiteX41" fmla="*/ 7667625 w 8315325"/>
              <a:gd name="connsiteY41" fmla="*/ 657225 h 4410075"/>
              <a:gd name="connsiteX42" fmla="*/ 7581900 w 8315325"/>
              <a:gd name="connsiteY42" fmla="*/ 742950 h 4410075"/>
              <a:gd name="connsiteX43" fmla="*/ 7467600 w 8315325"/>
              <a:gd name="connsiteY43" fmla="*/ 857250 h 4410075"/>
              <a:gd name="connsiteX44" fmla="*/ 7400925 w 8315325"/>
              <a:gd name="connsiteY44" fmla="*/ 942975 h 4410075"/>
              <a:gd name="connsiteX45" fmla="*/ 7343775 w 8315325"/>
              <a:gd name="connsiteY45" fmla="*/ 971550 h 4410075"/>
              <a:gd name="connsiteX46" fmla="*/ 7181850 w 8315325"/>
              <a:gd name="connsiteY46" fmla="*/ 1238250 h 4410075"/>
              <a:gd name="connsiteX47" fmla="*/ 6819900 w 8315325"/>
              <a:gd name="connsiteY47" fmla="*/ 1476375 h 4410075"/>
              <a:gd name="connsiteX48" fmla="*/ 6448425 w 8315325"/>
              <a:gd name="connsiteY48" fmla="*/ 1695450 h 4410075"/>
              <a:gd name="connsiteX49" fmla="*/ 6096000 w 8315325"/>
              <a:gd name="connsiteY49" fmla="*/ 1857375 h 4410075"/>
              <a:gd name="connsiteX50" fmla="*/ 5638800 w 8315325"/>
              <a:gd name="connsiteY50" fmla="*/ 2076450 h 4410075"/>
              <a:gd name="connsiteX51" fmla="*/ 5143500 w 8315325"/>
              <a:gd name="connsiteY51" fmla="*/ 2276475 h 4410075"/>
              <a:gd name="connsiteX52" fmla="*/ 4667250 w 8315325"/>
              <a:gd name="connsiteY52" fmla="*/ 2447925 h 4410075"/>
              <a:gd name="connsiteX53" fmla="*/ 4010025 w 8315325"/>
              <a:gd name="connsiteY53" fmla="*/ 2809875 h 4410075"/>
              <a:gd name="connsiteX54" fmla="*/ 4629150 w 8315325"/>
              <a:gd name="connsiteY54" fmla="*/ 2981325 h 4410075"/>
              <a:gd name="connsiteX55" fmla="*/ 5276850 w 8315325"/>
              <a:gd name="connsiteY55" fmla="*/ 3200400 h 4410075"/>
              <a:gd name="connsiteX56" fmla="*/ 8305800 w 8315325"/>
              <a:gd name="connsiteY56" fmla="*/ 4410075 h 4410075"/>
              <a:gd name="connsiteX57" fmla="*/ 0 w 8315325"/>
              <a:gd name="connsiteY57" fmla="*/ 4410075 h 4410075"/>
              <a:gd name="connsiteX58" fmla="*/ 19050 w 8315325"/>
              <a:gd name="connsiteY58"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748463 w 8315325"/>
              <a:gd name="connsiteY30" fmla="*/ 438150 h 4410075"/>
              <a:gd name="connsiteX31" fmla="*/ 7362825 w 8315325"/>
              <a:gd name="connsiteY31" fmla="*/ 333375 h 4410075"/>
              <a:gd name="connsiteX32" fmla="*/ 7924800 w 8315325"/>
              <a:gd name="connsiteY32" fmla="*/ 171450 h 4410075"/>
              <a:gd name="connsiteX33" fmla="*/ 8258175 w 8315325"/>
              <a:gd name="connsiteY33" fmla="*/ 0 h 4410075"/>
              <a:gd name="connsiteX34" fmla="*/ 8315325 w 8315325"/>
              <a:gd name="connsiteY34" fmla="*/ 47625 h 4410075"/>
              <a:gd name="connsiteX35" fmla="*/ 8305800 w 8315325"/>
              <a:gd name="connsiteY35" fmla="*/ 85725 h 4410075"/>
              <a:gd name="connsiteX36" fmla="*/ 8267700 w 8315325"/>
              <a:gd name="connsiteY36" fmla="*/ 114300 h 4410075"/>
              <a:gd name="connsiteX37" fmla="*/ 8086725 w 8315325"/>
              <a:gd name="connsiteY37" fmla="*/ 219075 h 4410075"/>
              <a:gd name="connsiteX38" fmla="*/ 7991475 w 8315325"/>
              <a:gd name="connsiteY38" fmla="*/ 257175 h 4410075"/>
              <a:gd name="connsiteX39" fmla="*/ 7943850 w 8315325"/>
              <a:gd name="connsiteY39" fmla="*/ 352425 h 4410075"/>
              <a:gd name="connsiteX40" fmla="*/ 7820025 w 8315325"/>
              <a:gd name="connsiteY40" fmla="*/ 428625 h 4410075"/>
              <a:gd name="connsiteX41" fmla="*/ 7734300 w 8315325"/>
              <a:gd name="connsiteY41" fmla="*/ 590550 h 4410075"/>
              <a:gd name="connsiteX42" fmla="*/ 7667625 w 8315325"/>
              <a:gd name="connsiteY42" fmla="*/ 657225 h 4410075"/>
              <a:gd name="connsiteX43" fmla="*/ 7581900 w 8315325"/>
              <a:gd name="connsiteY43" fmla="*/ 742950 h 4410075"/>
              <a:gd name="connsiteX44" fmla="*/ 7467600 w 8315325"/>
              <a:gd name="connsiteY44" fmla="*/ 857250 h 4410075"/>
              <a:gd name="connsiteX45" fmla="*/ 7400925 w 8315325"/>
              <a:gd name="connsiteY45" fmla="*/ 942975 h 4410075"/>
              <a:gd name="connsiteX46" fmla="*/ 7343775 w 8315325"/>
              <a:gd name="connsiteY46" fmla="*/ 971550 h 4410075"/>
              <a:gd name="connsiteX47" fmla="*/ 7181850 w 8315325"/>
              <a:gd name="connsiteY47" fmla="*/ 1238250 h 4410075"/>
              <a:gd name="connsiteX48" fmla="*/ 6819900 w 8315325"/>
              <a:gd name="connsiteY48" fmla="*/ 1476375 h 4410075"/>
              <a:gd name="connsiteX49" fmla="*/ 6448425 w 8315325"/>
              <a:gd name="connsiteY49" fmla="*/ 1695450 h 4410075"/>
              <a:gd name="connsiteX50" fmla="*/ 6096000 w 8315325"/>
              <a:gd name="connsiteY50" fmla="*/ 1857375 h 4410075"/>
              <a:gd name="connsiteX51" fmla="*/ 5638800 w 8315325"/>
              <a:gd name="connsiteY51" fmla="*/ 2076450 h 4410075"/>
              <a:gd name="connsiteX52" fmla="*/ 5143500 w 8315325"/>
              <a:gd name="connsiteY52" fmla="*/ 2276475 h 4410075"/>
              <a:gd name="connsiteX53" fmla="*/ 4667250 w 8315325"/>
              <a:gd name="connsiteY53" fmla="*/ 2447925 h 4410075"/>
              <a:gd name="connsiteX54" fmla="*/ 4010025 w 8315325"/>
              <a:gd name="connsiteY54" fmla="*/ 2809875 h 4410075"/>
              <a:gd name="connsiteX55" fmla="*/ 4629150 w 8315325"/>
              <a:gd name="connsiteY55" fmla="*/ 2981325 h 4410075"/>
              <a:gd name="connsiteX56" fmla="*/ 5276850 w 8315325"/>
              <a:gd name="connsiteY56" fmla="*/ 3200400 h 4410075"/>
              <a:gd name="connsiteX57" fmla="*/ 8305800 w 8315325"/>
              <a:gd name="connsiteY57" fmla="*/ 4410075 h 4410075"/>
              <a:gd name="connsiteX58" fmla="*/ 0 w 8315325"/>
              <a:gd name="connsiteY58" fmla="*/ 4410075 h 4410075"/>
              <a:gd name="connsiteX59" fmla="*/ 19050 w 8315325"/>
              <a:gd name="connsiteY5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7362825 w 8315325"/>
              <a:gd name="connsiteY31" fmla="*/ 333375 h 4410075"/>
              <a:gd name="connsiteX32" fmla="*/ 7924800 w 8315325"/>
              <a:gd name="connsiteY32" fmla="*/ 171450 h 4410075"/>
              <a:gd name="connsiteX33" fmla="*/ 8258175 w 8315325"/>
              <a:gd name="connsiteY33" fmla="*/ 0 h 4410075"/>
              <a:gd name="connsiteX34" fmla="*/ 8315325 w 8315325"/>
              <a:gd name="connsiteY34" fmla="*/ 47625 h 4410075"/>
              <a:gd name="connsiteX35" fmla="*/ 8305800 w 8315325"/>
              <a:gd name="connsiteY35" fmla="*/ 85725 h 4410075"/>
              <a:gd name="connsiteX36" fmla="*/ 8267700 w 8315325"/>
              <a:gd name="connsiteY36" fmla="*/ 114300 h 4410075"/>
              <a:gd name="connsiteX37" fmla="*/ 8086725 w 8315325"/>
              <a:gd name="connsiteY37" fmla="*/ 219075 h 4410075"/>
              <a:gd name="connsiteX38" fmla="*/ 7991475 w 8315325"/>
              <a:gd name="connsiteY38" fmla="*/ 257175 h 4410075"/>
              <a:gd name="connsiteX39" fmla="*/ 7943850 w 8315325"/>
              <a:gd name="connsiteY39" fmla="*/ 352425 h 4410075"/>
              <a:gd name="connsiteX40" fmla="*/ 7820025 w 8315325"/>
              <a:gd name="connsiteY40" fmla="*/ 428625 h 4410075"/>
              <a:gd name="connsiteX41" fmla="*/ 7734300 w 8315325"/>
              <a:gd name="connsiteY41" fmla="*/ 590550 h 4410075"/>
              <a:gd name="connsiteX42" fmla="*/ 7667625 w 8315325"/>
              <a:gd name="connsiteY42" fmla="*/ 657225 h 4410075"/>
              <a:gd name="connsiteX43" fmla="*/ 7581900 w 8315325"/>
              <a:gd name="connsiteY43" fmla="*/ 742950 h 4410075"/>
              <a:gd name="connsiteX44" fmla="*/ 7467600 w 8315325"/>
              <a:gd name="connsiteY44" fmla="*/ 857250 h 4410075"/>
              <a:gd name="connsiteX45" fmla="*/ 7400925 w 8315325"/>
              <a:gd name="connsiteY45" fmla="*/ 942975 h 4410075"/>
              <a:gd name="connsiteX46" fmla="*/ 7343775 w 8315325"/>
              <a:gd name="connsiteY46" fmla="*/ 971550 h 4410075"/>
              <a:gd name="connsiteX47" fmla="*/ 7181850 w 8315325"/>
              <a:gd name="connsiteY47" fmla="*/ 1238250 h 4410075"/>
              <a:gd name="connsiteX48" fmla="*/ 6819900 w 8315325"/>
              <a:gd name="connsiteY48" fmla="*/ 1476375 h 4410075"/>
              <a:gd name="connsiteX49" fmla="*/ 6448425 w 8315325"/>
              <a:gd name="connsiteY49" fmla="*/ 1695450 h 4410075"/>
              <a:gd name="connsiteX50" fmla="*/ 6096000 w 8315325"/>
              <a:gd name="connsiteY50" fmla="*/ 1857375 h 4410075"/>
              <a:gd name="connsiteX51" fmla="*/ 5638800 w 8315325"/>
              <a:gd name="connsiteY51" fmla="*/ 2076450 h 4410075"/>
              <a:gd name="connsiteX52" fmla="*/ 5143500 w 8315325"/>
              <a:gd name="connsiteY52" fmla="*/ 2276475 h 4410075"/>
              <a:gd name="connsiteX53" fmla="*/ 4667250 w 8315325"/>
              <a:gd name="connsiteY53" fmla="*/ 2447925 h 4410075"/>
              <a:gd name="connsiteX54" fmla="*/ 4010025 w 8315325"/>
              <a:gd name="connsiteY54" fmla="*/ 2809875 h 4410075"/>
              <a:gd name="connsiteX55" fmla="*/ 4629150 w 8315325"/>
              <a:gd name="connsiteY55" fmla="*/ 2981325 h 4410075"/>
              <a:gd name="connsiteX56" fmla="*/ 5276850 w 8315325"/>
              <a:gd name="connsiteY56" fmla="*/ 3200400 h 4410075"/>
              <a:gd name="connsiteX57" fmla="*/ 8305800 w 8315325"/>
              <a:gd name="connsiteY57" fmla="*/ 4410075 h 4410075"/>
              <a:gd name="connsiteX58" fmla="*/ 0 w 8315325"/>
              <a:gd name="connsiteY58" fmla="*/ 4410075 h 4410075"/>
              <a:gd name="connsiteX59" fmla="*/ 19050 w 8315325"/>
              <a:gd name="connsiteY59"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805613 w 8315325"/>
              <a:gd name="connsiteY31" fmla="*/ 442913 h 4410075"/>
              <a:gd name="connsiteX32" fmla="*/ 7362825 w 8315325"/>
              <a:gd name="connsiteY32" fmla="*/ 333375 h 4410075"/>
              <a:gd name="connsiteX33" fmla="*/ 7924800 w 8315325"/>
              <a:gd name="connsiteY33" fmla="*/ 171450 h 4410075"/>
              <a:gd name="connsiteX34" fmla="*/ 8258175 w 8315325"/>
              <a:gd name="connsiteY34" fmla="*/ 0 h 4410075"/>
              <a:gd name="connsiteX35" fmla="*/ 8315325 w 8315325"/>
              <a:gd name="connsiteY35" fmla="*/ 47625 h 4410075"/>
              <a:gd name="connsiteX36" fmla="*/ 8305800 w 8315325"/>
              <a:gd name="connsiteY36" fmla="*/ 85725 h 4410075"/>
              <a:gd name="connsiteX37" fmla="*/ 8267700 w 8315325"/>
              <a:gd name="connsiteY37" fmla="*/ 114300 h 4410075"/>
              <a:gd name="connsiteX38" fmla="*/ 8086725 w 8315325"/>
              <a:gd name="connsiteY38" fmla="*/ 219075 h 4410075"/>
              <a:gd name="connsiteX39" fmla="*/ 7991475 w 8315325"/>
              <a:gd name="connsiteY39" fmla="*/ 257175 h 4410075"/>
              <a:gd name="connsiteX40" fmla="*/ 7943850 w 8315325"/>
              <a:gd name="connsiteY40" fmla="*/ 352425 h 4410075"/>
              <a:gd name="connsiteX41" fmla="*/ 7820025 w 8315325"/>
              <a:gd name="connsiteY41" fmla="*/ 428625 h 4410075"/>
              <a:gd name="connsiteX42" fmla="*/ 7734300 w 8315325"/>
              <a:gd name="connsiteY42" fmla="*/ 590550 h 4410075"/>
              <a:gd name="connsiteX43" fmla="*/ 7667625 w 8315325"/>
              <a:gd name="connsiteY43" fmla="*/ 657225 h 4410075"/>
              <a:gd name="connsiteX44" fmla="*/ 7581900 w 8315325"/>
              <a:gd name="connsiteY44" fmla="*/ 742950 h 4410075"/>
              <a:gd name="connsiteX45" fmla="*/ 7467600 w 8315325"/>
              <a:gd name="connsiteY45" fmla="*/ 857250 h 4410075"/>
              <a:gd name="connsiteX46" fmla="*/ 7400925 w 8315325"/>
              <a:gd name="connsiteY46" fmla="*/ 942975 h 4410075"/>
              <a:gd name="connsiteX47" fmla="*/ 7343775 w 8315325"/>
              <a:gd name="connsiteY47" fmla="*/ 971550 h 4410075"/>
              <a:gd name="connsiteX48" fmla="*/ 7181850 w 8315325"/>
              <a:gd name="connsiteY48" fmla="*/ 1238250 h 4410075"/>
              <a:gd name="connsiteX49" fmla="*/ 6819900 w 8315325"/>
              <a:gd name="connsiteY49" fmla="*/ 1476375 h 4410075"/>
              <a:gd name="connsiteX50" fmla="*/ 6448425 w 8315325"/>
              <a:gd name="connsiteY50" fmla="*/ 1695450 h 4410075"/>
              <a:gd name="connsiteX51" fmla="*/ 6096000 w 8315325"/>
              <a:gd name="connsiteY51" fmla="*/ 1857375 h 4410075"/>
              <a:gd name="connsiteX52" fmla="*/ 5638800 w 8315325"/>
              <a:gd name="connsiteY52" fmla="*/ 2076450 h 4410075"/>
              <a:gd name="connsiteX53" fmla="*/ 5143500 w 8315325"/>
              <a:gd name="connsiteY53" fmla="*/ 2276475 h 4410075"/>
              <a:gd name="connsiteX54" fmla="*/ 4667250 w 8315325"/>
              <a:gd name="connsiteY54" fmla="*/ 2447925 h 4410075"/>
              <a:gd name="connsiteX55" fmla="*/ 4010025 w 8315325"/>
              <a:gd name="connsiteY55" fmla="*/ 2809875 h 4410075"/>
              <a:gd name="connsiteX56" fmla="*/ 4629150 w 8315325"/>
              <a:gd name="connsiteY56" fmla="*/ 2981325 h 4410075"/>
              <a:gd name="connsiteX57" fmla="*/ 5276850 w 8315325"/>
              <a:gd name="connsiteY57" fmla="*/ 3200400 h 4410075"/>
              <a:gd name="connsiteX58" fmla="*/ 8305800 w 8315325"/>
              <a:gd name="connsiteY58" fmla="*/ 4410075 h 4410075"/>
              <a:gd name="connsiteX59" fmla="*/ 0 w 8315325"/>
              <a:gd name="connsiteY59" fmla="*/ 4410075 h 4410075"/>
              <a:gd name="connsiteX60" fmla="*/ 19050 w 8315325"/>
              <a:gd name="connsiteY6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7362825 w 8315325"/>
              <a:gd name="connsiteY32" fmla="*/ 333375 h 4410075"/>
              <a:gd name="connsiteX33" fmla="*/ 7924800 w 8315325"/>
              <a:gd name="connsiteY33" fmla="*/ 171450 h 4410075"/>
              <a:gd name="connsiteX34" fmla="*/ 8258175 w 8315325"/>
              <a:gd name="connsiteY34" fmla="*/ 0 h 4410075"/>
              <a:gd name="connsiteX35" fmla="*/ 8315325 w 8315325"/>
              <a:gd name="connsiteY35" fmla="*/ 47625 h 4410075"/>
              <a:gd name="connsiteX36" fmla="*/ 8305800 w 8315325"/>
              <a:gd name="connsiteY36" fmla="*/ 85725 h 4410075"/>
              <a:gd name="connsiteX37" fmla="*/ 8267700 w 8315325"/>
              <a:gd name="connsiteY37" fmla="*/ 114300 h 4410075"/>
              <a:gd name="connsiteX38" fmla="*/ 8086725 w 8315325"/>
              <a:gd name="connsiteY38" fmla="*/ 219075 h 4410075"/>
              <a:gd name="connsiteX39" fmla="*/ 7991475 w 8315325"/>
              <a:gd name="connsiteY39" fmla="*/ 257175 h 4410075"/>
              <a:gd name="connsiteX40" fmla="*/ 7943850 w 8315325"/>
              <a:gd name="connsiteY40" fmla="*/ 352425 h 4410075"/>
              <a:gd name="connsiteX41" fmla="*/ 7820025 w 8315325"/>
              <a:gd name="connsiteY41" fmla="*/ 428625 h 4410075"/>
              <a:gd name="connsiteX42" fmla="*/ 7734300 w 8315325"/>
              <a:gd name="connsiteY42" fmla="*/ 590550 h 4410075"/>
              <a:gd name="connsiteX43" fmla="*/ 7667625 w 8315325"/>
              <a:gd name="connsiteY43" fmla="*/ 657225 h 4410075"/>
              <a:gd name="connsiteX44" fmla="*/ 7581900 w 8315325"/>
              <a:gd name="connsiteY44" fmla="*/ 742950 h 4410075"/>
              <a:gd name="connsiteX45" fmla="*/ 7467600 w 8315325"/>
              <a:gd name="connsiteY45" fmla="*/ 857250 h 4410075"/>
              <a:gd name="connsiteX46" fmla="*/ 7400925 w 8315325"/>
              <a:gd name="connsiteY46" fmla="*/ 942975 h 4410075"/>
              <a:gd name="connsiteX47" fmla="*/ 7343775 w 8315325"/>
              <a:gd name="connsiteY47" fmla="*/ 971550 h 4410075"/>
              <a:gd name="connsiteX48" fmla="*/ 7181850 w 8315325"/>
              <a:gd name="connsiteY48" fmla="*/ 1238250 h 4410075"/>
              <a:gd name="connsiteX49" fmla="*/ 6819900 w 8315325"/>
              <a:gd name="connsiteY49" fmla="*/ 1476375 h 4410075"/>
              <a:gd name="connsiteX50" fmla="*/ 6448425 w 8315325"/>
              <a:gd name="connsiteY50" fmla="*/ 1695450 h 4410075"/>
              <a:gd name="connsiteX51" fmla="*/ 6096000 w 8315325"/>
              <a:gd name="connsiteY51" fmla="*/ 1857375 h 4410075"/>
              <a:gd name="connsiteX52" fmla="*/ 5638800 w 8315325"/>
              <a:gd name="connsiteY52" fmla="*/ 2076450 h 4410075"/>
              <a:gd name="connsiteX53" fmla="*/ 5143500 w 8315325"/>
              <a:gd name="connsiteY53" fmla="*/ 2276475 h 4410075"/>
              <a:gd name="connsiteX54" fmla="*/ 4667250 w 8315325"/>
              <a:gd name="connsiteY54" fmla="*/ 2447925 h 4410075"/>
              <a:gd name="connsiteX55" fmla="*/ 4010025 w 8315325"/>
              <a:gd name="connsiteY55" fmla="*/ 2809875 h 4410075"/>
              <a:gd name="connsiteX56" fmla="*/ 4629150 w 8315325"/>
              <a:gd name="connsiteY56" fmla="*/ 2981325 h 4410075"/>
              <a:gd name="connsiteX57" fmla="*/ 5276850 w 8315325"/>
              <a:gd name="connsiteY57" fmla="*/ 3200400 h 4410075"/>
              <a:gd name="connsiteX58" fmla="*/ 8305800 w 8315325"/>
              <a:gd name="connsiteY58" fmla="*/ 4410075 h 4410075"/>
              <a:gd name="connsiteX59" fmla="*/ 0 w 8315325"/>
              <a:gd name="connsiteY59" fmla="*/ 4410075 h 4410075"/>
              <a:gd name="connsiteX60" fmla="*/ 19050 w 8315325"/>
              <a:gd name="connsiteY60"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7115175 w 8315325"/>
              <a:gd name="connsiteY32" fmla="*/ 300038 h 4410075"/>
              <a:gd name="connsiteX33" fmla="*/ 7362825 w 8315325"/>
              <a:gd name="connsiteY33" fmla="*/ 333375 h 4410075"/>
              <a:gd name="connsiteX34" fmla="*/ 7924800 w 8315325"/>
              <a:gd name="connsiteY34" fmla="*/ 171450 h 4410075"/>
              <a:gd name="connsiteX35" fmla="*/ 8258175 w 8315325"/>
              <a:gd name="connsiteY35" fmla="*/ 0 h 4410075"/>
              <a:gd name="connsiteX36" fmla="*/ 8315325 w 8315325"/>
              <a:gd name="connsiteY36" fmla="*/ 47625 h 4410075"/>
              <a:gd name="connsiteX37" fmla="*/ 8305800 w 8315325"/>
              <a:gd name="connsiteY37" fmla="*/ 85725 h 4410075"/>
              <a:gd name="connsiteX38" fmla="*/ 8267700 w 8315325"/>
              <a:gd name="connsiteY38" fmla="*/ 114300 h 4410075"/>
              <a:gd name="connsiteX39" fmla="*/ 8086725 w 8315325"/>
              <a:gd name="connsiteY39" fmla="*/ 219075 h 4410075"/>
              <a:gd name="connsiteX40" fmla="*/ 7991475 w 8315325"/>
              <a:gd name="connsiteY40" fmla="*/ 257175 h 4410075"/>
              <a:gd name="connsiteX41" fmla="*/ 7943850 w 8315325"/>
              <a:gd name="connsiteY41" fmla="*/ 352425 h 4410075"/>
              <a:gd name="connsiteX42" fmla="*/ 7820025 w 8315325"/>
              <a:gd name="connsiteY42" fmla="*/ 428625 h 4410075"/>
              <a:gd name="connsiteX43" fmla="*/ 7734300 w 8315325"/>
              <a:gd name="connsiteY43" fmla="*/ 590550 h 4410075"/>
              <a:gd name="connsiteX44" fmla="*/ 7667625 w 8315325"/>
              <a:gd name="connsiteY44" fmla="*/ 657225 h 4410075"/>
              <a:gd name="connsiteX45" fmla="*/ 7581900 w 8315325"/>
              <a:gd name="connsiteY45" fmla="*/ 742950 h 4410075"/>
              <a:gd name="connsiteX46" fmla="*/ 7467600 w 8315325"/>
              <a:gd name="connsiteY46" fmla="*/ 857250 h 4410075"/>
              <a:gd name="connsiteX47" fmla="*/ 7400925 w 8315325"/>
              <a:gd name="connsiteY47" fmla="*/ 942975 h 4410075"/>
              <a:gd name="connsiteX48" fmla="*/ 7343775 w 8315325"/>
              <a:gd name="connsiteY48" fmla="*/ 971550 h 4410075"/>
              <a:gd name="connsiteX49" fmla="*/ 7181850 w 8315325"/>
              <a:gd name="connsiteY49" fmla="*/ 1238250 h 4410075"/>
              <a:gd name="connsiteX50" fmla="*/ 6819900 w 8315325"/>
              <a:gd name="connsiteY50" fmla="*/ 1476375 h 4410075"/>
              <a:gd name="connsiteX51" fmla="*/ 6448425 w 8315325"/>
              <a:gd name="connsiteY51" fmla="*/ 1695450 h 4410075"/>
              <a:gd name="connsiteX52" fmla="*/ 6096000 w 8315325"/>
              <a:gd name="connsiteY52" fmla="*/ 1857375 h 4410075"/>
              <a:gd name="connsiteX53" fmla="*/ 5638800 w 8315325"/>
              <a:gd name="connsiteY53" fmla="*/ 2076450 h 4410075"/>
              <a:gd name="connsiteX54" fmla="*/ 5143500 w 8315325"/>
              <a:gd name="connsiteY54" fmla="*/ 2276475 h 4410075"/>
              <a:gd name="connsiteX55" fmla="*/ 4667250 w 8315325"/>
              <a:gd name="connsiteY55" fmla="*/ 2447925 h 4410075"/>
              <a:gd name="connsiteX56" fmla="*/ 4010025 w 8315325"/>
              <a:gd name="connsiteY56" fmla="*/ 2809875 h 4410075"/>
              <a:gd name="connsiteX57" fmla="*/ 4629150 w 8315325"/>
              <a:gd name="connsiteY57" fmla="*/ 2981325 h 4410075"/>
              <a:gd name="connsiteX58" fmla="*/ 5276850 w 8315325"/>
              <a:gd name="connsiteY58" fmla="*/ 3200400 h 4410075"/>
              <a:gd name="connsiteX59" fmla="*/ 8305800 w 8315325"/>
              <a:gd name="connsiteY59" fmla="*/ 4410075 h 4410075"/>
              <a:gd name="connsiteX60" fmla="*/ 0 w 8315325"/>
              <a:gd name="connsiteY60" fmla="*/ 4410075 h 4410075"/>
              <a:gd name="connsiteX61" fmla="*/ 19050 w 8315325"/>
              <a:gd name="connsiteY6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7362825 w 8315325"/>
              <a:gd name="connsiteY33" fmla="*/ 333375 h 4410075"/>
              <a:gd name="connsiteX34" fmla="*/ 7924800 w 8315325"/>
              <a:gd name="connsiteY34" fmla="*/ 171450 h 4410075"/>
              <a:gd name="connsiteX35" fmla="*/ 8258175 w 8315325"/>
              <a:gd name="connsiteY35" fmla="*/ 0 h 4410075"/>
              <a:gd name="connsiteX36" fmla="*/ 8315325 w 8315325"/>
              <a:gd name="connsiteY36" fmla="*/ 47625 h 4410075"/>
              <a:gd name="connsiteX37" fmla="*/ 8305800 w 8315325"/>
              <a:gd name="connsiteY37" fmla="*/ 85725 h 4410075"/>
              <a:gd name="connsiteX38" fmla="*/ 8267700 w 8315325"/>
              <a:gd name="connsiteY38" fmla="*/ 114300 h 4410075"/>
              <a:gd name="connsiteX39" fmla="*/ 8086725 w 8315325"/>
              <a:gd name="connsiteY39" fmla="*/ 219075 h 4410075"/>
              <a:gd name="connsiteX40" fmla="*/ 7991475 w 8315325"/>
              <a:gd name="connsiteY40" fmla="*/ 257175 h 4410075"/>
              <a:gd name="connsiteX41" fmla="*/ 7943850 w 8315325"/>
              <a:gd name="connsiteY41" fmla="*/ 352425 h 4410075"/>
              <a:gd name="connsiteX42" fmla="*/ 7820025 w 8315325"/>
              <a:gd name="connsiteY42" fmla="*/ 428625 h 4410075"/>
              <a:gd name="connsiteX43" fmla="*/ 7734300 w 8315325"/>
              <a:gd name="connsiteY43" fmla="*/ 590550 h 4410075"/>
              <a:gd name="connsiteX44" fmla="*/ 7667625 w 8315325"/>
              <a:gd name="connsiteY44" fmla="*/ 657225 h 4410075"/>
              <a:gd name="connsiteX45" fmla="*/ 7581900 w 8315325"/>
              <a:gd name="connsiteY45" fmla="*/ 742950 h 4410075"/>
              <a:gd name="connsiteX46" fmla="*/ 7467600 w 8315325"/>
              <a:gd name="connsiteY46" fmla="*/ 857250 h 4410075"/>
              <a:gd name="connsiteX47" fmla="*/ 7400925 w 8315325"/>
              <a:gd name="connsiteY47" fmla="*/ 942975 h 4410075"/>
              <a:gd name="connsiteX48" fmla="*/ 7343775 w 8315325"/>
              <a:gd name="connsiteY48" fmla="*/ 971550 h 4410075"/>
              <a:gd name="connsiteX49" fmla="*/ 7181850 w 8315325"/>
              <a:gd name="connsiteY49" fmla="*/ 1238250 h 4410075"/>
              <a:gd name="connsiteX50" fmla="*/ 6819900 w 8315325"/>
              <a:gd name="connsiteY50" fmla="*/ 1476375 h 4410075"/>
              <a:gd name="connsiteX51" fmla="*/ 6448425 w 8315325"/>
              <a:gd name="connsiteY51" fmla="*/ 1695450 h 4410075"/>
              <a:gd name="connsiteX52" fmla="*/ 6096000 w 8315325"/>
              <a:gd name="connsiteY52" fmla="*/ 1857375 h 4410075"/>
              <a:gd name="connsiteX53" fmla="*/ 5638800 w 8315325"/>
              <a:gd name="connsiteY53" fmla="*/ 2076450 h 4410075"/>
              <a:gd name="connsiteX54" fmla="*/ 5143500 w 8315325"/>
              <a:gd name="connsiteY54" fmla="*/ 2276475 h 4410075"/>
              <a:gd name="connsiteX55" fmla="*/ 4667250 w 8315325"/>
              <a:gd name="connsiteY55" fmla="*/ 2447925 h 4410075"/>
              <a:gd name="connsiteX56" fmla="*/ 4010025 w 8315325"/>
              <a:gd name="connsiteY56" fmla="*/ 2809875 h 4410075"/>
              <a:gd name="connsiteX57" fmla="*/ 4629150 w 8315325"/>
              <a:gd name="connsiteY57" fmla="*/ 2981325 h 4410075"/>
              <a:gd name="connsiteX58" fmla="*/ 5276850 w 8315325"/>
              <a:gd name="connsiteY58" fmla="*/ 3200400 h 4410075"/>
              <a:gd name="connsiteX59" fmla="*/ 8305800 w 8315325"/>
              <a:gd name="connsiteY59" fmla="*/ 4410075 h 4410075"/>
              <a:gd name="connsiteX60" fmla="*/ 0 w 8315325"/>
              <a:gd name="connsiteY60" fmla="*/ 4410075 h 4410075"/>
              <a:gd name="connsiteX61" fmla="*/ 19050 w 8315325"/>
              <a:gd name="connsiteY61"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7215188 w 8315325"/>
              <a:gd name="connsiteY33" fmla="*/ 309563 h 4410075"/>
              <a:gd name="connsiteX34" fmla="*/ 7362825 w 8315325"/>
              <a:gd name="connsiteY34" fmla="*/ 333375 h 4410075"/>
              <a:gd name="connsiteX35" fmla="*/ 7924800 w 8315325"/>
              <a:gd name="connsiteY35" fmla="*/ 171450 h 4410075"/>
              <a:gd name="connsiteX36" fmla="*/ 8258175 w 8315325"/>
              <a:gd name="connsiteY36" fmla="*/ 0 h 4410075"/>
              <a:gd name="connsiteX37" fmla="*/ 8315325 w 8315325"/>
              <a:gd name="connsiteY37" fmla="*/ 47625 h 4410075"/>
              <a:gd name="connsiteX38" fmla="*/ 8305800 w 8315325"/>
              <a:gd name="connsiteY38" fmla="*/ 85725 h 4410075"/>
              <a:gd name="connsiteX39" fmla="*/ 8267700 w 8315325"/>
              <a:gd name="connsiteY39" fmla="*/ 114300 h 4410075"/>
              <a:gd name="connsiteX40" fmla="*/ 8086725 w 8315325"/>
              <a:gd name="connsiteY40" fmla="*/ 219075 h 4410075"/>
              <a:gd name="connsiteX41" fmla="*/ 7991475 w 8315325"/>
              <a:gd name="connsiteY41" fmla="*/ 257175 h 4410075"/>
              <a:gd name="connsiteX42" fmla="*/ 7943850 w 8315325"/>
              <a:gd name="connsiteY42" fmla="*/ 352425 h 4410075"/>
              <a:gd name="connsiteX43" fmla="*/ 7820025 w 8315325"/>
              <a:gd name="connsiteY43" fmla="*/ 428625 h 4410075"/>
              <a:gd name="connsiteX44" fmla="*/ 7734300 w 8315325"/>
              <a:gd name="connsiteY44" fmla="*/ 590550 h 4410075"/>
              <a:gd name="connsiteX45" fmla="*/ 7667625 w 8315325"/>
              <a:gd name="connsiteY45" fmla="*/ 657225 h 4410075"/>
              <a:gd name="connsiteX46" fmla="*/ 7581900 w 8315325"/>
              <a:gd name="connsiteY46" fmla="*/ 742950 h 4410075"/>
              <a:gd name="connsiteX47" fmla="*/ 7467600 w 8315325"/>
              <a:gd name="connsiteY47" fmla="*/ 857250 h 4410075"/>
              <a:gd name="connsiteX48" fmla="*/ 7400925 w 8315325"/>
              <a:gd name="connsiteY48" fmla="*/ 942975 h 4410075"/>
              <a:gd name="connsiteX49" fmla="*/ 7343775 w 8315325"/>
              <a:gd name="connsiteY49" fmla="*/ 971550 h 4410075"/>
              <a:gd name="connsiteX50" fmla="*/ 7181850 w 8315325"/>
              <a:gd name="connsiteY50" fmla="*/ 1238250 h 4410075"/>
              <a:gd name="connsiteX51" fmla="*/ 6819900 w 8315325"/>
              <a:gd name="connsiteY51" fmla="*/ 1476375 h 4410075"/>
              <a:gd name="connsiteX52" fmla="*/ 6448425 w 8315325"/>
              <a:gd name="connsiteY52" fmla="*/ 1695450 h 4410075"/>
              <a:gd name="connsiteX53" fmla="*/ 6096000 w 8315325"/>
              <a:gd name="connsiteY53" fmla="*/ 1857375 h 4410075"/>
              <a:gd name="connsiteX54" fmla="*/ 5638800 w 8315325"/>
              <a:gd name="connsiteY54" fmla="*/ 2076450 h 4410075"/>
              <a:gd name="connsiteX55" fmla="*/ 5143500 w 8315325"/>
              <a:gd name="connsiteY55" fmla="*/ 2276475 h 4410075"/>
              <a:gd name="connsiteX56" fmla="*/ 4667250 w 8315325"/>
              <a:gd name="connsiteY56" fmla="*/ 2447925 h 4410075"/>
              <a:gd name="connsiteX57" fmla="*/ 4010025 w 8315325"/>
              <a:gd name="connsiteY57" fmla="*/ 2809875 h 4410075"/>
              <a:gd name="connsiteX58" fmla="*/ 4629150 w 8315325"/>
              <a:gd name="connsiteY58" fmla="*/ 2981325 h 4410075"/>
              <a:gd name="connsiteX59" fmla="*/ 5276850 w 8315325"/>
              <a:gd name="connsiteY59" fmla="*/ 3200400 h 4410075"/>
              <a:gd name="connsiteX60" fmla="*/ 8305800 w 8315325"/>
              <a:gd name="connsiteY60" fmla="*/ 4410075 h 4410075"/>
              <a:gd name="connsiteX61" fmla="*/ 0 w 8315325"/>
              <a:gd name="connsiteY61" fmla="*/ 4410075 h 4410075"/>
              <a:gd name="connsiteX62" fmla="*/ 19050 w 8315325"/>
              <a:gd name="connsiteY6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24675 w 8315325"/>
              <a:gd name="connsiteY33" fmla="*/ 247651 h 4410075"/>
              <a:gd name="connsiteX34" fmla="*/ 7362825 w 8315325"/>
              <a:gd name="connsiteY34" fmla="*/ 333375 h 4410075"/>
              <a:gd name="connsiteX35" fmla="*/ 7924800 w 8315325"/>
              <a:gd name="connsiteY35" fmla="*/ 171450 h 4410075"/>
              <a:gd name="connsiteX36" fmla="*/ 8258175 w 8315325"/>
              <a:gd name="connsiteY36" fmla="*/ 0 h 4410075"/>
              <a:gd name="connsiteX37" fmla="*/ 8315325 w 8315325"/>
              <a:gd name="connsiteY37" fmla="*/ 47625 h 4410075"/>
              <a:gd name="connsiteX38" fmla="*/ 8305800 w 8315325"/>
              <a:gd name="connsiteY38" fmla="*/ 85725 h 4410075"/>
              <a:gd name="connsiteX39" fmla="*/ 8267700 w 8315325"/>
              <a:gd name="connsiteY39" fmla="*/ 114300 h 4410075"/>
              <a:gd name="connsiteX40" fmla="*/ 8086725 w 8315325"/>
              <a:gd name="connsiteY40" fmla="*/ 219075 h 4410075"/>
              <a:gd name="connsiteX41" fmla="*/ 7991475 w 8315325"/>
              <a:gd name="connsiteY41" fmla="*/ 257175 h 4410075"/>
              <a:gd name="connsiteX42" fmla="*/ 7943850 w 8315325"/>
              <a:gd name="connsiteY42" fmla="*/ 352425 h 4410075"/>
              <a:gd name="connsiteX43" fmla="*/ 7820025 w 8315325"/>
              <a:gd name="connsiteY43" fmla="*/ 428625 h 4410075"/>
              <a:gd name="connsiteX44" fmla="*/ 7734300 w 8315325"/>
              <a:gd name="connsiteY44" fmla="*/ 590550 h 4410075"/>
              <a:gd name="connsiteX45" fmla="*/ 7667625 w 8315325"/>
              <a:gd name="connsiteY45" fmla="*/ 657225 h 4410075"/>
              <a:gd name="connsiteX46" fmla="*/ 7581900 w 8315325"/>
              <a:gd name="connsiteY46" fmla="*/ 742950 h 4410075"/>
              <a:gd name="connsiteX47" fmla="*/ 7467600 w 8315325"/>
              <a:gd name="connsiteY47" fmla="*/ 857250 h 4410075"/>
              <a:gd name="connsiteX48" fmla="*/ 7400925 w 8315325"/>
              <a:gd name="connsiteY48" fmla="*/ 942975 h 4410075"/>
              <a:gd name="connsiteX49" fmla="*/ 7343775 w 8315325"/>
              <a:gd name="connsiteY49" fmla="*/ 971550 h 4410075"/>
              <a:gd name="connsiteX50" fmla="*/ 7181850 w 8315325"/>
              <a:gd name="connsiteY50" fmla="*/ 1238250 h 4410075"/>
              <a:gd name="connsiteX51" fmla="*/ 6819900 w 8315325"/>
              <a:gd name="connsiteY51" fmla="*/ 1476375 h 4410075"/>
              <a:gd name="connsiteX52" fmla="*/ 6448425 w 8315325"/>
              <a:gd name="connsiteY52" fmla="*/ 1695450 h 4410075"/>
              <a:gd name="connsiteX53" fmla="*/ 6096000 w 8315325"/>
              <a:gd name="connsiteY53" fmla="*/ 1857375 h 4410075"/>
              <a:gd name="connsiteX54" fmla="*/ 5638800 w 8315325"/>
              <a:gd name="connsiteY54" fmla="*/ 2076450 h 4410075"/>
              <a:gd name="connsiteX55" fmla="*/ 5143500 w 8315325"/>
              <a:gd name="connsiteY55" fmla="*/ 2276475 h 4410075"/>
              <a:gd name="connsiteX56" fmla="*/ 4667250 w 8315325"/>
              <a:gd name="connsiteY56" fmla="*/ 2447925 h 4410075"/>
              <a:gd name="connsiteX57" fmla="*/ 4010025 w 8315325"/>
              <a:gd name="connsiteY57" fmla="*/ 2809875 h 4410075"/>
              <a:gd name="connsiteX58" fmla="*/ 4629150 w 8315325"/>
              <a:gd name="connsiteY58" fmla="*/ 2981325 h 4410075"/>
              <a:gd name="connsiteX59" fmla="*/ 5276850 w 8315325"/>
              <a:gd name="connsiteY59" fmla="*/ 3200400 h 4410075"/>
              <a:gd name="connsiteX60" fmla="*/ 8305800 w 8315325"/>
              <a:gd name="connsiteY60" fmla="*/ 4410075 h 4410075"/>
              <a:gd name="connsiteX61" fmla="*/ 0 w 8315325"/>
              <a:gd name="connsiteY61" fmla="*/ 4410075 h 4410075"/>
              <a:gd name="connsiteX62" fmla="*/ 19050 w 8315325"/>
              <a:gd name="connsiteY62"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24675 w 8315325"/>
              <a:gd name="connsiteY33" fmla="*/ 247651 h 4410075"/>
              <a:gd name="connsiteX34" fmla="*/ 7105650 w 8315325"/>
              <a:gd name="connsiteY34" fmla="*/ 280988 h 4410075"/>
              <a:gd name="connsiteX35" fmla="*/ 7362825 w 8315325"/>
              <a:gd name="connsiteY35" fmla="*/ 333375 h 4410075"/>
              <a:gd name="connsiteX36" fmla="*/ 7924800 w 8315325"/>
              <a:gd name="connsiteY36" fmla="*/ 171450 h 4410075"/>
              <a:gd name="connsiteX37" fmla="*/ 8258175 w 8315325"/>
              <a:gd name="connsiteY37" fmla="*/ 0 h 4410075"/>
              <a:gd name="connsiteX38" fmla="*/ 8315325 w 8315325"/>
              <a:gd name="connsiteY38" fmla="*/ 47625 h 4410075"/>
              <a:gd name="connsiteX39" fmla="*/ 8305800 w 8315325"/>
              <a:gd name="connsiteY39" fmla="*/ 85725 h 4410075"/>
              <a:gd name="connsiteX40" fmla="*/ 8267700 w 8315325"/>
              <a:gd name="connsiteY40" fmla="*/ 114300 h 4410075"/>
              <a:gd name="connsiteX41" fmla="*/ 8086725 w 8315325"/>
              <a:gd name="connsiteY41" fmla="*/ 219075 h 4410075"/>
              <a:gd name="connsiteX42" fmla="*/ 7991475 w 8315325"/>
              <a:gd name="connsiteY42" fmla="*/ 257175 h 4410075"/>
              <a:gd name="connsiteX43" fmla="*/ 7943850 w 8315325"/>
              <a:gd name="connsiteY43" fmla="*/ 352425 h 4410075"/>
              <a:gd name="connsiteX44" fmla="*/ 7820025 w 8315325"/>
              <a:gd name="connsiteY44" fmla="*/ 428625 h 4410075"/>
              <a:gd name="connsiteX45" fmla="*/ 7734300 w 8315325"/>
              <a:gd name="connsiteY45" fmla="*/ 590550 h 4410075"/>
              <a:gd name="connsiteX46" fmla="*/ 7667625 w 8315325"/>
              <a:gd name="connsiteY46" fmla="*/ 657225 h 4410075"/>
              <a:gd name="connsiteX47" fmla="*/ 7581900 w 8315325"/>
              <a:gd name="connsiteY47" fmla="*/ 742950 h 4410075"/>
              <a:gd name="connsiteX48" fmla="*/ 7467600 w 8315325"/>
              <a:gd name="connsiteY48" fmla="*/ 857250 h 4410075"/>
              <a:gd name="connsiteX49" fmla="*/ 7400925 w 8315325"/>
              <a:gd name="connsiteY49" fmla="*/ 942975 h 4410075"/>
              <a:gd name="connsiteX50" fmla="*/ 7343775 w 8315325"/>
              <a:gd name="connsiteY50" fmla="*/ 971550 h 4410075"/>
              <a:gd name="connsiteX51" fmla="*/ 7181850 w 8315325"/>
              <a:gd name="connsiteY51" fmla="*/ 1238250 h 4410075"/>
              <a:gd name="connsiteX52" fmla="*/ 6819900 w 8315325"/>
              <a:gd name="connsiteY52" fmla="*/ 1476375 h 4410075"/>
              <a:gd name="connsiteX53" fmla="*/ 6448425 w 8315325"/>
              <a:gd name="connsiteY53" fmla="*/ 1695450 h 4410075"/>
              <a:gd name="connsiteX54" fmla="*/ 6096000 w 8315325"/>
              <a:gd name="connsiteY54" fmla="*/ 1857375 h 4410075"/>
              <a:gd name="connsiteX55" fmla="*/ 5638800 w 8315325"/>
              <a:gd name="connsiteY55" fmla="*/ 2076450 h 4410075"/>
              <a:gd name="connsiteX56" fmla="*/ 5143500 w 8315325"/>
              <a:gd name="connsiteY56" fmla="*/ 2276475 h 4410075"/>
              <a:gd name="connsiteX57" fmla="*/ 4667250 w 8315325"/>
              <a:gd name="connsiteY57" fmla="*/ 2447925 h 4410075"/>
              <a:gd name="connsiteX58" fmla="*/ 4010025 w 8315325"/>
              <a:gd name="connsiteY58" fmla="*/ 2809875 h 4410075"/>
              <a:gd name="connsiteX59" fmla="*/ 4629150 w 8315325"/>
              <a:gd name="connsiteY59" fmla="*/ 2981325 h 4410075"/>
              <a:gd name="connsiteX60" fmla="*/ 5276850 w 8315325"/>
              <a:gd name="connsiteY60" fmla="*/ 3200400 h 4410075"/>
              <a:gd name="connsiteX61" fmla="*/ 8305800 w 8315325"/>
              <a:gd name="connsiteY61" fmla="*/ 4410075 h 4410075"/>
              <a:gd name="connsiteX62" fmla="*/ 0 w 8315325"/>
              <a:gd name="connsiteY62" fmla="*/ 4410075 h 4410075"/>
              <a:gd name="connsiteX63" fmla="*/ 19050 w 8315325"/>
              <a:gd name="connsiteY6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24675 w 8315325"/>
              <a:gd name="connsiteY33" fmla="*/ 247651 h 4410075"/>
              <a:gd name="connsiteX34" fmla="*/ 6977062 w 8315325"/>
              <a:gd name="connsiteY34" fmla="*/ 219075 h 4410075"/>
              <a:gd name="connsiteX35" fmla="*/ 7362825 w 8315325"/>
              <a:gd name="connsiteY35" fmla="*/ 333375 h 4410075"/>
              <a:gd name="connsiteX36" fmla="*/ 7924800 w 8315325"/>
              <a:gd name="connsiteY36" fmla="*/ 171450 h 4410075"/>
              <a:gd name="connsiteX37" fmla="*/ 8258175 w 8315325"/>
              <a:gd name="connsiteY37" fmla="*/ 0 h 4410075"/>
              <a:gd name="connsiteX38" fmla="*/ 8315325 w 8315325"/>
              <a:gd name="connsiteY38" fmla="*/ 47625 h 4410075"/>
              <a:gd name="connsiteX39" fmla="*/ 8305800 w 8315325"/>
              <a:gd name="connsiteY39" fmla="*/ 85725 h 4410075"/>
              <a:gd name="connsiteX40" fmla="*/ 8267700 w 8315325"/>
              <a:gd name="connsiteY40" fmla="*/ 114300 h 4410075"/>
              <a:gd name="connsiteX41" fmla="*/ 8086725 w 8315325"/>
              <a:gd name="connsiteY41" fmla="*/ 219075 h 4410075"/>
              <a:gd name="connsiteX42" fmla="*/ 7991475 w 8315325"/>
              <a:gd name="connsiteY42" fmla="*/ 257175 h 4410075"/>
              <a:gd name="connsiteX43" fmla="*/ 7943850 w 8315325"/>
              <a:gd name="connsiteY43" fmla="*/ 352425 h 4410075"/>
              <a:gd name="connsiteX44" fmla="*/ 7820025 w 8315325"/>
              <a:gd name="connsiteY44" fmla="*/ 428625 h 4410075"/>
              <a:gd name="connsiteX45" fmla="*/ 7734300 w 8315325"/>
              <a:gd name="connsiteY45" fmla="*/ 590550 h 4410075"/>
              <a:gd name="connsiteX46" fmla="*/ 7667625 w 8315325"/>
              <a:gd name="connsiteY46" fmla="*/ 657225 h 4410075"/>
              <a:gd name="connsiteX47" fmla="*/ 7581900 w 8315325"/>
              <a:gd name="connsiteY47" fmla="*/ 742950 h 4410075"/>
              <a:gd name="connsiteX48" fmla="*/ 7467600 w 8315325"/>
              <a:gd name="connsiteY48" fmla="*/ 857250 h 4410075"/>
              <a:gd name="connsiteX49" fmla="*/ 7400925 w 8315325"/>
              <a:gd name="connsiteY49" fmla="*/ 942975 h 4410075"/>
              <a:gd name="connsiteX50" fmla="*/ 7343775 w 8315325"/>
              <a:gd name="connsiteY50" fmla="*/ 971550 h 4410075"/>
              <a:gd name="connsiteX51" fmla="*/ 7181850 w 8315325"/>
              <a:gd name="connsiteY51" fmla="*/ 1238250 h 4410075"/>
              <a:gd name="connsiteX52" fmla="*/ 6819900 w 8315325"/>
              <a:gd name="connsiteY52" fmla="*/ 1476375 h 4410075"/>
              <a:gd name="connsiteX53" fmla="*/ 6448425 w 8315325"/>
              <a:gd name="connsiteY53" fmla="*/ 1695450 h 4410075"/>
              <a:gd name="connsiteX54" fmla="*/ 6096000 w 8315325"/>
              <a:gd name="connsiteY54" fmla="*/ 1857375 h 4410075"/>
              <a:gd name="connsiteX55" fmla="*/ 5638800 w 8315325"/>
              <a:gd name="connsiteY55" fmla="*/ 2076450 h 4410075"/>
              <a:gd name="connsiteX56" fmla="*/ 5143500 w 8315325"/>
              <a:gd name="connsiteY56" fmla="*/ 2276475 h 4410075"/>
              <a:gd name="connsiteX57" fmla="*/ 4667250 w 8315325"/>
              <a:gd name="connsiteY57" fmla="*/ 2447925 h 4410075"/>
              <a:gd name="connsiteX58" fmla="*/ 4010025 w 8315325"/>
              <a:gd name="connsiteY58" fmla="*/ 2809875 h 4410075"/>
              <a:gd name="connsiteX59" fmla="*/ 4629150 w 8315325"/>
              <a:gd name="connsiteY59" fmla="*/ 2981325 h 4410075"/>
              <a:gd name="connsiteX60" fmla="*/ 5276850 w 8315325"/>
              <a:gd name="connsiteY60" fmla="*/ 3200400 h 4410075"/>
              <a:gd name="connsiteX61" fmla="*/ 8305800 w 8315325"/>
              <a:gd name="connsiteY61" fmla="*/ 4410075 h 4410075"/>
              <a:gd name="connsiteX62" fmla="*/ 0 w 8315325"/>
              <a:gd name="connsiteY62" fmla="*/ 4410075 h 4410075"/>
              <a:gd name="connsiteX63" fmla="*/ 19050 w 8315325"/>
              <a:gd name="connsiteY6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362825 w 8315325"/>
              <a:gd name="connsiteY35" fmla="*/ 333375 h 4410075"/>
              <a:gd name="connsiteX36" fmla="*/ 7924800 w 8315325"/>
              <a:gd name="connsiteY36" fmla="*/ 171450 h 4410075"/>
              <a:gd name="connsiteX37" fmla="*/ 8258175 w 8315325"/>
              <a:gd name="connsiteY37" fmla="*/ 0 h 4410075"/>
              <a:gd name="connsiteX38" fmla="*/ 8315325 w 8315325"/>
              <a:gd name="connsiteY38" fmla="*/ 47625 h 4410075"/>
              <a:gd name="connsiteX39" fmla="*/ 8305800 w 8315325"/>
              <a:gd name="connsiteY39" fmla="*/ 85725 h 4410075"/>
              <a:gd name="connsiteX40" fmla="*/ 8267700 w 8315325"/>
              <a:gd name="connsiteY40" fmla="*/ 114300 h 4410075"/>
              <a:gd name="connsiteX41" fmla="*/ 8086725 w 8315325"/>
              <a:gd name="connsiteY41" fmla="*/ 219075 h 4410075"/>
              <a:gd name="connsiteX42" fmla="*/ 7991475 w 8315325"/>
              <a:gd name="connsiteY42" fmla="*/ 257175 h 4410075"/>
              <a:gd name="connsiteX43" fmla="*/ 7943850 w 8315325"/>
              <a:gd name="connsiteY43" fmla="*/ 352425 h 4410075"/>
              <a:gd name="connsiteX44" fmla="*/ 7820025 w 8315325"/>
              <a:gd name="connsiteY44" fmla="*/ 428625 h 4410075"/>
              <a:gd name="connsiteX45" fmla="*/ 7734300 w 8315325"/>
              <a:gd name="connsiteY45" fmla="*/ 590550 h 4410075"/>
              <a:gd name="connsiteX46" fmla="*/ 7667625 w 8315325"/>
              <a:gd name="connsiteY46" fmla="*/ 657225 h 4410075"/>
              <a:gd name="connsiteX47" fmla="*/ 7581900 w 8315325"/>
              <a:gd name="connsiteY47" fmla="*/ 742950 h 4410075"/>
              <a:gd name="connsiteX48" fmla="*/ 7467600 w 8315325"/>
              <a:gd name="connsiteY48" fmla="*/ 857250 h 4410075"/>
              <a:gd name="connsiteX49" fmla="*/ 7400925 w 8315325"/>
              <a:gd name="connsiteY49" fmla="*/ 942975 h 4410075"/>
              <a:gd name="connsiteX50" fmla="*/ 7343775 w 8315325"/>
              <a:gd name="connsiteY50" fmla="*/ 971550 h 4410075"/>
              <a:gd name="connsiteX51" fmla="*/ 7181850 w 8315325"/>
              <a:gd name="connsiteY51" fmla="*/ 1238250 h 4410075"/>
              <a:gd name="connsiteX52" fmla="*/ 6819900 w 8315325"/>
              <a:gd name="connsiteY52" fmla="*/ 1476375 h 4410075"/>
              <a:gd name="connsiteX53" fmla="*/ 6448425 w 8315325"/>
              <a:gd name="connsiteY53" fmla="*/ 1695450 h 4410075"/>
              <a:gd name="connsiteX54" fmla="*/ 6096000 w 8315325"/>
              <a:gd name="connsiteY54" fmla="*/ 1857375 h 4410075"/>
              <a:gd name="connsiteX55" fmla="*/ 5638800 w 8315325"/>
              <a:gd name="connsiteY55" fmla="*/ 2076450 h 4410075"/>
              <a:gd name="connsiteX56" fmla="*/ 5143500 w 8315325"/>
              <a:gd name="connsiteY56" fmla="*/ 2276475 h 4410075"/>
              <a:gd name="connsiteX57" fmla="*/ 4667250 w 8315325"/>
              <a:gd name="connsiteY57" fmla="*/ 2447925 h 4410075"/>
              <a:gd name="connsiteX58" fmla="*/ 4010025 w 8315325"/>
              <a:gd name="connsiteY58" fmla="*/ 2809875 h 4410075"/>
              <a:gd name="connsiteX59" fmla="*/ 4629150 w 8315325"/>
              <a:gd name="connsiteY59" fmla="*/ 2981325 h 4410075"/>
              <a:gd name="connsiteX60" fmla="*/ 5276850 w 8315325"/>
              <a:gd name="connsiteY60" fmla="*/ 3200400 h 4410075"/>
              <a:gd name="connsiteX61" fmla="*/ 8305800 w 8315325"/>
              <a:gd name="connsiteY61" fmla="*/ 4410075 h 4410075"/>
              <a:gd name="connsiteX62" fmla="*/ 0 w 8315325"/>
              <a:gd name="connsiteY62" fmla="*/ 4410075 h 4410075"/>
              <a:gd name="connsiteX63" fmla="*/ 19050 w 8315325"/>
              <a:gd name="connsiteY63"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167563 w 8315325"/>
              <a:gd name="connsiteY35" fmla="*/ 280988 h 4410075"/>
              <a:gd name="connsiteX36" fmla="*/ 7362825 w 8315325"/>
              <a:gd name="connsiteY36" fmla="*/ 333375 h 4410075"/>
              <a:gd name="connsiteX37" fmla="*/ 7924800 w 8315325"/>
              <a:gd name="connsiteY37" fmla="*/ 171450 h 4410075"/>
              <a:gd name="connsiteX38" fmla="*/ 8258175 w 8315325"/>
              <a:gd name="connsiteY38" fmla="*/ 0 h 4410075"/>
              <a:gd name="connsiteX39" fmla="*/ 8315325 w 8315325"/>
              <a:gd name="connsiteY39" fmla="*/ 47625 h 4410075"/>
              <a:gd name="connsiteX40" fmla="*/ 8305800 w 8315325"/>
              <a:gd name="connsiteY40" fmla="*/ 85725 h 4410075"/>
              <a:gd name="connsiteX41" fmla="*/ 8267700 w 8315325"/>
              <a:gd name="connsiteY41" fmla="*/ 114300 h 4410075"/>
              <a:gd name="connsiteX42" fmla="*/ 8086725 w 8315325"/>
              <a:gd name="connsiteY42" fmla="*/ 219075 h 4410075"/>
              <a:gd name="connsiteX43" fmla="*/ 7991475 w 8315325"/>
              <a:gd name="connsiteY43" fmla="*/ 257175 h 4410075"/>
              <a:gd name="connsiteX44" fmla="*/ 7943850 w 8315325"/>
              <a:gd name="connsiteY44" fmla="*/ 352425 h 4410075"/>
              <a:gd name="connsiteX45" fmla="*/ 7820025 w 8315325"/>
              <a:gd name="connsiteY45" fmla="*/ 428625 h 4410075"/>
              <a:gd name="connsiteX46" fmla="*/ 7734300 w 8315325"/>
              <a:gd name="connsiteY46" fmla="*/ 590550 h 4410075"/>
              <a:gd name="connsiteX47" fmla="*/ 7667625 w 8315325"/>
              <a:gd name="connsiteY47" fmla="*/ 657225 h 4410075"/>
              <a:gd name="connsiteX48" fmla="*/ 7581900 w 8315325"/>
              <a:gd name="connsiteY48" fmla="*/ 742950 h 4410075"/>
              <a:gd name="connsiteX49" fmla="*/ 7467600 w 8315325"/>
              <a:gd name="connsiteY49" fmla="*/ 857250 h 4410075"/>
              <a:gd name="connsiteX50" fmla="*/ 7400925 w 8315325"/>
              <a:gd name="connsiteY50" fmla="*/ 942975 h 4410075"/>
              <a:gd name="connsiteX51" fmla="*/ 7343775 w 8315325"/>
              <a:gd name="connsiteY51" fmla="*/ 971550 h 4410075"/>
              <a:gd name="connsiteX52" fmla="*/ 7181850 w 8315325"/>
              <a:gd name="connsiteY52" fmla="*/ 1238250 h 4410075"/>
              <a:gd name="connsiteX53" fmla="*/ 6819900 w 8315325"/>
              <a:gd name="connsiteY53" fmla="*/ 1476375 h 4410075"/>
              <a:gd name="connsiteX54" fmla="*/ 6448425 w 8315325"/>
              <a:gd name="connsiteY54" fmla="*/ 1695450 h 4410075"/>
              <a:gd name="connsiteX55" fmla="*/ 6096000 w 8315325"/>
              <a:gd name="connsiteY55" fmla="*/ 1857375 h 4410075"/>
              <a:gd name="connsiteX56" fmla="*/ 5638800 w 8315325"/>
              <a:gd name="connsiteY56" fmla="*/ 2076450 h 4410075"/>
              <a:gd name="connsiteX57" fmla="*/ 5143500 w 8315325"/>
              <a:gd name="connsiteY57" fmla="*/ 2276475 h 4410075"/>
              <a:gd name="connsiteX58" fmla="*/ 4667250 w 8315325"/>
              <a:gd name="connsiteY58" fmla="*/ 2447925 h 4410075"/>
              <a:gd name="connsiteX59" fmla="*/ 4010025 w 8315325"/>
              <a:gd name="connsiteY59" fmla="*/ 2809875 h 4410075"/>
              <a:gd name="connsiteX60" fmla="*/ 4629150 w 8315325"/>
              <a:gd name="connsiteY60" fmla="*/ 2981325 h 4410075"/>
              <a:gd name="connsiteX61" fmla="*/ 5276850 w 8315325"/>
              <a:gd name="connsiteY61" fmla="*/ 3200400 h 4410075"/>
              <a:gd name="connsiteX62" fmla="*/ 8305800 w 8315325"/>
              <a:gd name="connsiteY62" fmla="*/ 4410075 h 4410075"/>
              <a:gd name="connsiteX63" fmla="*/ 0 w 8315325"/>
              <a:gd name="connsiteY63" fmla="*/ 4410075 h 4410075"/>
              <a:gd name="connsiteX64" fmla="*/ 19050 w 8315325"/>
              <a:gd name="connsiteY6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015163 w 8315325"/>
              <a:gd name="connsiteY35" fmla="*/ 176213 h 4410075"/>
              <a:gd name="connsiteX36" fmla="*/ 7362825 w 8315325"/>
              <a:gd name="connsiteY36" fmla="*/ 333375 h 4410075"/>
              <a:gd name="connsiteX37" fmla="*/ 7924800 w 8315325"/>
              <a:gd name="connsiteY37" fmla="*/ 171450 h 4410075"/>
              <a:gd name="connsiteX38" fmla="*/ 8258175 w 8315325"/>
              <a:gd name="connsiteY38" fmla="*/ 0 h 4410075"/>
              <a:gd name="connsiteX39" fmla="*/ 8315325 w 8315325"/>
              <a:gd name="connsiteY39" fmla="*/ 47625 h 4410075"/>
              <a:gd name="connsiteX40" fmla="*/ 8305800 w 8315325"/>
              <a:gd name="connsiteY40" fmla="*/ 85725 h 4410075"/>
              <a:gd name="connsiteX41" fmla="*/ 8267700 w 8315325"/>
              <a:gd name="connsiteY41" fmla="*/ 114300 h 4410075"/>
              <a:gd name="connsiteX42" fmla="*/ 8086725 w 8315325"/>
              <a:gd name="connsiteY42" fmla="*/ 219075 h 4410075"/>
              <a:gd name="connsiteX43" fmla="*/ 7991475 w 8315325"/>
              <a:gd name="connsiteY43" fmla="*/ 257175 h 4410075"/>
              <a:gd name="connsiteX44" fmla="*/ 7943850 w 8315325"/>
              <a:gd name="connsiteY44" fmla="*/ 352425 h 4410075"/>
              <a:gd name="connsiteX45" fmla="*/ 7820025 w 8315325"/>
              <a:gd name="connsiteY45" fmla="*/ 428625 h 4410075"/>
              <a:gd name="connsiteX46" fmla="*/ 7734300 w 8315325"/>
              <a:gd name="connsiteY46" fmla="*/ 590550 h 4410075"/>
              <a:gd name="connsiteX47" fmla="*/ 7667625 w 8315325"/>
              <a:gd name="connsiteY47" fmla="*/ 657225 h 4410075"/>
              <a:gd name="connsiteX48" fmla="*/ 7581900 w 8315325"/>
              <a:gd name="connsiteY48" fmla="*/ 742950 h 4410075"/>
              <a:gd name="connsiteX49" fmla="*/ 7467600 w 8315325"/>
              <a:gd name="connsiteY49" fmla="*/ 857250 h 4410075"/>
              <a:gd name="connsiteX50" fmla="*/ 7400925 w 8315325"/>
              <a:gd name="connsiteY50" fmla="*/ 942975 h 4410075"/>
              <a:gd name="connsiteX51" fmla="*/ 7343775 w 8315325"/>
              <a:gd name="connsiteY51" fmla="*/ 971550 h 4410075"/>
              <a:gd name="connsiteX52" fmla="*/ 7181850 w 8315325"/>
              <a:gd name="connsiteY52" fmla="*/ 1238250 h 4410075"/>
              <a:gd name="connsiteX53" fmla="*/ 6819900 w 8315325"/>
              <a:gd name="connsiteY53" fmla="*/ 1476375 h 4410075"/>
              <a:gd name="connsiteX54" fmla="*/ 6448425 w 8315325"/>
              <a:gd name="connsiteY54" fmla="*/ 1695450 h 4410075"/>
              <a:gd name="connsiteX55" fmla="*/ 6096000 w 8315325"/>
              <a:gd name="connsiteY55" fmla="*/ 1857375 h 4410075"/>
              <a:gd name="connsiteX56" fmla="*/ 5638800 w 8315325"/>
              <a:gd name="connsiteY56" fmla="*/ 2076450 h 4410075"/>
              <a:gd name="connsiteX57" fmla="*/ 5143500 w 8315325"/>
              <a:gd name="connsiteY57" fmla="*/ 2276475 h 4410075"/>
              <a:gd name="connsiteX58" fmla="*/ 4667250 w 8315325"/>
              <a:gd name="connsiteY58" fmla="*/ 2447925 h 4410075"/>
              <a:gd name="connsiteX59" fmla="*/ 4010025 w 8315325"/>
              <a:gd name="connsiteY59" fmla="*/ 2809875 h 4410075"/>
              <a:gd name="connsiteX60" fmla="*/ 4629150 w 8315325"/>
              <a:gd name="connsiteY60" fmla="*/ 2981325 h 4410075"/>
              <a:gd name="connsiteX61" fmla="*/ 5276850 w 8315325"/>
              <a:gd name="connsiteY61" fmla="*/ 3200400 h 4410075"/>
              <a:gd name="connsiteX62" fmla="*/ 8305800 w 8315325"/>
              <a:gd name="connsiteY62" fmla="*/ 4410075 h 4410075"/>
              <a:gd name="connsiteX63" fmla="*/ 0 w 8315325"/>
              <a:gd name="connsiteY63" fmla="*/ 4410075 h 4410075"/>
              <a:gd name="connsiteX64" fmla="*/ 19050 w 8315325"/>
              <a:gd name="connsiteY64"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015163 w 8315325"/>
              <a:gd name="connsiteY35" fmla="*/ 176213 h 4410075"/>
              <a:gd name="connsiteX36" fmla="*/ 7253288 w 8315325"/>
              <a:gd name="connsiteY36" fmla="*/ 290513 h 4410075"/>
              <a:gd name="connsiteX37" fmla="*/ 7362825 w 8315325"/>
              <a:gd name="connsiteY37" fmla="*/ 333375 h 4410075"/>
              <a:gd name="connsiteX38" fmla="*/ 7924800 w 8315325"/>
              <a:gd name="connsiteY38" fmla="*/ 171450 h 4410075"/>
              <a:gd name="connsiteX39" fmla="*/ 8258175 w 8315325"/>
              <a:gd name="connsiteY39" fmla="*/ 0 h 4410075"/>
              <a:gd name="connsiteX40" fmla="*/ 8315325 w 8315325"/>
              <a:gd name="connsiteY40" fmla="*/ 47625 h 4410075"/>
              <a:gd name="connsiteX41" fmla="*/ 8305800 w 8315325"/>
              <a:gd name="connsiteY41" fmla="*/ 85725 h 4410075"/>
              <a:gd name="connsiteX42" fmla="*/ 8267700 w 8315325"/>
              <a:gd name="connsiteY42" fmla="*/ 114300 h 4410075"/>
              <a:gd name="connsiteX43" fmla="*/ 8086725 w 8315325"/>
              <a:gd name="connsiteY43" fmla="*/ 219075 h 4410075"/>
              <a:gd name="connsiteX44" fmla="*/ 7991475 w 8315325"/>
              <a:gd name="connsiteY44" fmla="*/ 257175 h 4410075"/>
              <a:gd name="connsiteX45" fmla="*/ 7943850 w 8315325"/>
              <a:gd name="connsiteY45" fmla="*/ 352425 h 4410075"/>
              <a:gd name="connsiteX46" fmla="*/ 7820025 w 8315325"/>
              <a:gd name="connsiteY46" fmla="*/ 428625 h 4410075"/>
              <a:gd name="connsiteX47" fmla="*/ 7734300 w 8315325"/>
              <a:gd name="connsiteY47" fmla="*/ 590550 h 4410075"/>
              <a:gd name="connsiteX48" fmla="*/ 7667625 w 8315325"/>
              <a:gd name="connsiteY48" fmla="*/ 657225 h 4410075"/>
              <a:gd name="connsiteX49" fmla="*/ 7581900 w 8315325"/>
              <a:gd name="connsiteY49" fmla="*/ 742950 h 4410075"/>
              <a:gd name="connsiteX50" fmla="*/ 7467600 w 8315325"/>
              <a:gd name="connsiteY50" fmla="*/ 857250 h 4410075"/>
              <a:gd name="connsiteX51" fmla="*/ 7400925 w 8315325"/>
              <a:gd name="connsiteY51" fmla="*/ 942975 h 4410075"/>
              <a:gd name="connsiteX52" fmla="*/ 7343775 w 8315325"/>
              <a:gd name="connsiteY52" fmla="*/ 971550 h 4410075"/>
              <a:gd name="connsiteX53" fmla="*/ 7181850 w 8315325"/>
              <a:gd name="connsiteY53" fmla="*/ 1238250 h 4410075"/>
              <a:gd name="connsiteX54" fmla="*/ 6819900 w 8315325"/>
              <a:gd name="connsiteY54" fmla="*/ 1476375 h 4410075"/>
              <a:gd name="connsiteX55" fmla="*/ 6448425 w 8315325"/>
              <a:gd name="connsiteY55" fmla="*/ 1695450 h 4410075"/>
              <a:gd name="connsiteX56" fmla="*/ 6096000 w 8315325"/>
              <a:gd name="connsiteY56" fmla="*/ 1857375 h 4410075"/>
              <a:gd name="connsiteX57" fmla="*/ 5638800 w 8315325"/>
              <a:gd name="connsiteY57" fmla="*/ 2076450 h 4410075"/>
              <a:gd name="connsiteX58" fmla="*/ 5143500 w 8315325"/>
              <a:gd name="connsiteY58" fmla="*/ 2276475 h 4410075"/>
              <a:gd name="connsiteX59" fmla="*/ 4667250 w 8315325"/>
              <a:gd name="connsiteY59" fmla="*/ 2447925 h 4410075"/>
              <a:gd name="connsiteX60" fmla="*/ 4010025 w 8315325"/>
              <a:gd name="connsiteY60" fmla="*/ 2809875 h 4410075"/>
              <a:gd name="connsiteX61" fmla="*/ 4629150 w 8315325"/>
              <a:gd name="connsiteY61" fmla="*/ 2981325 h 4410075"/>
              <a:gd name="connsiteX62" fmla="*/ 5276850 w 8315325"/>
              <a:gd name="connsiteY62" fmla="*/ 3200400 h 4410075"/>
              <a:gd name="connsiteX63" fmla="*/ 8305800 w 8315325"/>
              <a:gd name="connsiteY63" fmla="*/ 4410075 h 4410075"/>
              <a:gd name="connsiteX64" fmla="*/ 0 w 8315325"/>
              <a:gd name="connsiteY64" fmla="*/ 4410075 h 4410075"/>
              <a:gd name="connsiteX65" fmla="*/ 19050 w 8315325"/>
              <a:gd name="connsiteY6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015163 w 8315325"/>
              <a:gd name="connsiteY35" fmla="*/ 176213 h 4410075"/>
              <a:gd name="connsiteX36" fmla="*/ 7138988 w 8315325"/>
              <a:gd name="connsiteY36" fmla="*/ 161926 h 4410075"/>
              <a:gd name="connsiteX37" fmla="*/ 7362825 w 8315325"/>
              <a:gd name="connsiteY37" fmla="*/ 333375 h 4410075"/>
              <a:gd name="connsiteX38" fmla="*/ 7924800 w 8315325"/>
              <a:gd name="connsiteY38" fmla="*/ 171450 h 4410075"/>
              <a:gd name="connsiteX39" fmla="*/ 8258175 w 8315325"/>
              <a:gd name="connsiteY39" fmla="*/ 0 h 4410075"/>
              <a:gd name="connsiteX40" fmla="*/ 8315325 w 8315325"/>
              <a:gd name="connsiteY40" fmla="*/ 47625 h 4410075"/>
              <a:gd name="connsiteX41" fmla="*/ 8305800 w 8315325"/>
              <a:gd name="connsiteY41" fmla="*/ 85725 h 4410075"/>
              <a:gd name="connsiteX42" fmla="*/ 8267700 w 8315325"/>
              <a:gd name="connsiteY42" fmla="*/ 114300 h 4410075"/>
              <a:gd name="connsiteX43" fmla="*/ 8086725 w 8315325"/>
              <a:gd name="connsiteY43" fmla="*/ 219075 h 4410075"/>
              <a:gd name="connsiteX44" fmla="*/ 7991475 w 8315325"/>
              <a:gd name="connsiteY44" fmla="*/ 257175 h 4410075"/>
              <a:gd name="connsiteX45" fmla="*/ 7943850 w 8315325"/>
              <a:gd name="connsiteY45" fmla="*/ 352425 h 4410075"/>
              <a:gd name="connsiteX46" fmla="*/ 7820025 w 8315325"/>
              <a:gd name="connsiteY46" fmla="*/ 428625 h 4410075"/>
              <a:gd name="connsiteX47" fmla="*/ 7734300 w 8315325"/>
              <a:gd name="connsiteY47" fmla="*/ 590550 h 4410075"/>
              <a:gd name="connsiteX48" fmla="*/ 7667625 w 8315325"/>
              <a:gd name="connsiteY48" fmla="*/ 657225 h 4410075"/>
              <a:gd name="connsiteX49" fmla="*/ 7581900 w 8315325"/>
              <a:gd name="connsiteY49" fmla="*/ 742950 h 4410075"/>
              <a:gd name="connsiteX50" fmla="*/ 7467600 w 8315325"/>
              <a:gd name="connsiteY50" fmla="*/ 857250 h 4410075"/>
              <a:gd name="connsiteX51" fmla="*/ 7400925 w 8315325"/>
              <a:gd name="connsiteY51" fmla="*/ 942975 h 4410075"/>
              <a:gd name="connsiteX52" fmla="*/ 7343775 w 8315325"/>
              <a:gd name="connsiteY52" fmla="*/ 971550 h 4410075"/>
              <a:gd name="connsiteX53" fmla="*/ 7181850 w 8315325"/>
              <a:gd name="connsiteY53" fmla="*/ 1238250 h 4410075"/>
              <a:gd name="connsiteX54" fmla="*/ 6819900 w 8315325"/>
              <a:gd name="connsiteY54" fmla="*/ 1476375 h 4410075"/>
              <a:gd name="connsiteX55" fmla="*/ 6448425 w 8315325"/>
              <a:gd name="connsiteY55" fmla="*/ 1695450 h 4410075"/>
              <a:gd name="connsiteX56" fmla="*/ 6096000 w 8315325"/>
              <a:gd name="connsiteY56" fmla="*/ 1857375 h 4410075"/>
              <a:gd name="connsiteX57" fmla="*/ 5638800 w 8315325"/>
              <a:gd name="connsiteY57" fmla="*/ 2076450 h 4410075"/>
              <a:gd name="connsiteX58" fmla="*/ 5143500 w 8315325"/>
              <a:gd name="connsiteY58" fmla="*/ 2276475 h 4410075"/>
              <a:gd name="connsiteX59" fmla="*/ 4667250 w 8315325"/>
              <a:gd name="connsiteY59" fmla="*/ 2447925 h 4410075"/>
              <a:gd name="connsiteX60" fmla="*/ 4010025 w 8315325"/>
              <a:gd name="connsiteY60" fmla="*/ 2809875 h 4410075"/>
              <a:gd name="connsiteX61" fmla="*/ 4629150 w 8315325"/>
              <a:gd name="connsiteY61" fmla="*/ 2981325 h 4410075"/>
              <a:gd name="connsiteX62" fmla="*/ 5276850 w 8315325"/>
              <a:gd name="connsiteY62" fmla="*/ 3200400 h 4410075"/>
              <a:gd name="connsiteX63" fmla="*/ 8305800 w 8315325"/>
              <a:gd name="connsiteY63" fmla="*/ 4410075 h 4410075"/>
              <a:gd name="connsiteX64" fmla="*/ 0 w 8315325"/>
              <a:gd name="connsiteY64" fmla="*/ 4410075 h 4410075"/>
              <a:gd name="connsiteX65" fmla="*/ 19050 w 8315325"/>
              <a:gd name="connsiteY65"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015163 w 8315325"/>
              <a:gd name="connsiteY35" fmla="*/ 176213 h 4410075"/>
              <a:gd name="connsiteX36" fmla="*/ 7138988 w 8315325"/>
              <a:gd name="connsiteY36" fmla="*/ 161926 h 4410075"/>
              <a:gd name="connsiteX37" fmla="*/ 7300913 w 8315325"/>
              <a:gd name="connsiteY37" fmla="*/ 290513 h 4410075"/>
              <a:gd name="connsiteX38" fmla="*/ 7362825 w 8315325"/>
              <a:gd name="connsiteY38" fmla="*/ 333375 h 4410075"/>
              <a:gd name="connsiteX39" fmla="*/ 7924800 w 8315325"/>
              <a:gd name="connsiteY39" fmla="*/ 171450 h 4410075"/>
              <a:gd name="connsiteX40" fmla="*/ 8258175 w 8315325"/>
              <a:gd name="connsiteY40" fmla="*/ 0 h 4410075"/>
              <a:gd name="connsiteX41" fmla="*/ 8315325 w 8315325"/>
              <a:gd name="connsiteY41" fmla="*/ 47625 h 4410075"/>
              <a:gd name="connsiteX42" fmla="*/ 8305800 w 8315325"/>
              <a:gd name="connsiteY42" fmla="*/ 85725 h 4410075"/>
              <a:gd name="connsiteX43" fmla="*/ 8267700 w 8315325"/>
              <a:gd name="connsiteY43" fmla="*/ 114300 h 4410075"/>
              <a:gd name="connsiteX44" fmla="*/ 8086725 w 8315325"/>
              <a:gd name="connsiteY44" fmla="*/ 219075 h 4410075"/>
              <a:gd name="connsiteX45" fmla="*/ 7991475 w 8315325"/>
              <a:gd name="connsiteY45" fmla="*/ 257175 h 4410075"/>
              <a:gd name="connsiteX46" fmla="*/ 7943850 w 8315325"/>
              <a:gd name="connsiteY46" fmla="*/ 352425 h 4410075"/>
              <a:gd name="connsiteX47" fmla="*/ 7820025 w 8315325"/>
              <a:gd name="connsiteY47" fmla="*/ 428625 h 4410075"/>
              <a:gd name="connsiteX48" fmla="*/ 7734300 w 8315325"/>
              <a:gd name="connsiteY48" fmla="*/ 590550 h 4410075"/>
              <a:gd name="connsiteX49" fmla="*/ 7667625 w 8315325"/>
              <a:gd name="connsiteY49" fmla="*/ 657225 h 4410075"/>
              <a:gd name="connsiteX50" fmla="*/ 7581900 w 8315325"/>
              <a:gd name="connsiteY50" fmla="*/ 742950 h 4410075"/>
              <a:gd name="connsiteX51" fmla="*/ 7467600 w 8315325"/>
              <a:gd name="connsiteY51" fmla="*/ 857250 h 4410075"/>
              <a:gd name="connsiteX52" fmla="*/ 7400925 w 8315325"/>
              <a:gd name="connsiteY52" fmla="*/ 942975 h 4410075"/>
              <a:gd name="connsiteX53" fmla="*/ 7343775 w 8315325"/>
              <a:gd name="connsiteY53" fmla="*/ 971550 h 4410075"/>
              <a:gd name="connsiteX54" fmla="*/ 7181850 w 8315325"/>
              <a:gd name="connsiteY54" fmla="*/ 1238250 h 4410075"/>
              <a:gd name="connsiteX55" fmla="*/ 6819900 w 8315325"/>
              <a:gd name="connsiteY55" fmla="*/ 1476375 h 4410075"/>
              <a:gd name="connsiteX56" fmla="*/ 6448425 w 8315325"/>
              <a:gd name="connsiteY56" fmla="*/ 1695450 h 4410075"/>
              <a:gd name="connsiteX57" fmla="*/ 6096000 w 8315325"/>
              <a:gd name="connsiteY57" fmla="*/ 1857375 h 4410075"/>
              <a:gd name="connsiteX58" fmla="*/ 5638800 w 8315325"/>
              <a:gd name="connsiteY58" fmla="*/ 2076450 h 4410075"/>
              <a:gd name="connsiteX59" fmla="*/ 5143500 w 8315325"/>
              <a:gd name="connsiteY59" fmla="*/ 2276475 h 4410075"/>
              <a:gd name="connsiteX60" fmla="*/ 4667250 w 8315325"/>
              <a:gd name="connsiteY60" fmla="*/ 2447925 h 4410075"/>
              <a:gd name="connsiteX61" fmla="*/ 4010025 w 8315325"/>
              <a:gd name="connsiteY61" fmla="*/ 2809875 h 4410075"/>
              <a:gd name="connsiteX62" fmla="*/ 4629150 w 8315325"/>
              <a:gd name="connsiteY62" fmla="*/ 2981325 h 4410075"/>
              <a:gd name="connsiteX63" fmla="*/ 5276850 w 8315325"/>
              <a:gd name="connsiteY63" fmla="*/ 3200400 h 4410075"/>
              <a:gd name="connsiteX64" fmla="*/ 8305800 w 8315325"/>
              <a:gd name="connsiteY64" fmla="*/ 4410075 h 4410075"/>
              <a:gd name="connsiteX65" fmla="*/ 0 w 8315325"/>
              <a:gd name="connsiteY65" fmla="*/ 4410075 h 4410075"/>
              <a:gd name="connsiteX66" fmla="*/ 19050 w 8315325"/>
              <a:gd name="connsiteY66" fmla="*/ 2619375 h 4410075"/>
              <a:gd name="connsiteX0" fmla="*/ 19050 w 8315325"/>
              <a:gd name="connsiteY0" fmla="*/ 2619375 h 4410075"/>
              <a:gd name="connsiteX1" fmla="*/ 885825 w 8315325"/>
              <a:gd name="connsiteY1" fmla="*/ 2333625 h 4410075"/>
              <a:gd name="connsiteX2" fmla="*/ 1247775 w 8315325"/>
              <a:gd name="connsiteY2" fmla="*/ 2228850 h 4410075"/>
              <a:gd name="connsiteX3" fmla="*/ 1657350 w 8315325"/>
              <a:gd name="connsiteY3" fmla="*/ 2095500 h 4410075"/>
              <a:gd name="connsiteX4" fmla="*/ 2143125 w 8315325"/>
              <a:gd name="connsiteY4" fmla="*/ 1943100 h 4410075"/>
              <a:gd name="connsiteX5" fmla="*/ 2533650 w 8315325"/>
              <a:gd name="connsiteY5" fmla="*/ 1828800 h 4410075"/>
              <a:gd name="connsiteX6" fmla="*/ 2828925 w 8315325"/>
              <a:gd name="connsiteY6" fmla="*/ 1743075 h 4410075"/>
              <a:gd name="connsiteX7" fmla="*/ 3495675 w 8315325"/>
              <a:gd name="connsiteY7" fmla="*/ 1543050 h 4410075"/>
              <a:gd name="connsiteX8" fmla="*/ 3462337 w 8315325"/>
              <a:gd name="connsiteY8" fmla="*/ 1090612 h 4410075"/>
              <a:gd name="connsiteX9" fmla="*/ 4481513 w 8315325"/>
              <a:gd name="connsiteY9" fmla="*/ 847725 h 4410075"/>
              <a:gd name="connsiteX10" fmla="*/ 4919663 w 8315325"/>
              <a:gd name="connsiteY10" fmla="*/ 904875 h 4410075"/>
              <a:gd name="connsiteX11" fmla="*/ 4914901 w 8315325"/>
              <a:gd name="connsiteY11" fmla="*/ 514350 h 4410075"/>
              <a:gd name="connsiteX12" fmla="*/ 5024438 w 8315325"/>
              <a:gd name="connsiteY12" fmla="*/ 490538 h 4410075"/>
              <a:gd name="connsiteX13" fmla="*/ 5157788 w 8315325"/>
              <a:gd name="connsiteY13" fmla="*/ 495300 h 4410075"/>
              <a:gd name="connsiteX14" fmla="*/ 5381626 w 8315325"/>
              <a:gd name="connsiteY14" fmla="*/ 461963 h 4410075"/>
              <a:gd name="connsiteX15" fmla="*/ 5434013 w 8315325"/>
              <a:gd name="connsiteY15" fmla="*/ 457200 h 4410075"/>
              <a:gd name="connsiteX16" fmla="*/ 5581649 w 8315325"/>
              <a:gd name="connsiteY16" fmla="*/ 419100 h 4410075"/>
              <a:gd name="connsiteX17" fmla="*/ 5586413 w 8315325"/>
              <a:gd name="connsiteY17" fmla="*/ 366713 h 4410075"/>
              <a:gd name="connsiteX18" fmla="*/ 5791200 w 8315325"/>
              <a:gd name="connsiteY18" fmla="*/ 328613 h 4410075"/>
              <a:gd name="connsiteX19" fmla="*/ 5962650 w 8315325"/>
              <a:gd name="connsiteY19" fmla="*/ 328613 h 4410075"/>
              <a:gd name="connsiteX20" fmla="*/ 5962650 w 8315325"/>
              <a:gd name="connsiteY20" fmla="*/ 309563 h 4410075"/>
              <a:gd name="connsiteX21" fmla="*/ 5981701 w 8315325"/>
              <a:gd name="connsiteY21" fmla="*/ 304800 h 4410075"/>
              <a:gd name="connsiteX22" fmla="*/ 6205537 w 8315325"/>
              <a:gd name="connsiteY22" fmla="*/ 319088 h 4410075"/>
              <a:gd name="connsiteX23" fmla="*/ 6200775 w 8315325"/>
              <a:gd name="connsiteY23" fmla="*/ 538163 h 4410075"/>
              <a:gd name="connsiteX24" fmla="*/ 6219827 w 8315325"/>
              <a:gd name="connsiteY24" fmla="*/ 523875 h 4410075"/>
              <a:gd name="connsiteX25" fmla="*/ 6215064 w 8315325"/>
              <a:gd name="connsiteY25" fmla="*/ 347664 h 4410075"/>
              <a:gd name="connsiteX26" fmla="*/ 6496050 w 8315325"/>
              <a:gd name="connsiteY26" fmla="*/ 276226 h 4410075"/>
              <a:gd name="connsiteX27" fmla="*/ 6624638 w 8315325"/>
              <a:gd name="connsiteY27" fmla="*/ 285750 h 4410075"/>
              <a:gd name="connsiteX28" fmla="*/ 6638925 w 8315325"/>
              <a:gd name="connsiteY28" fmla="*/ 323850 h 4410075"/>
              <a:gd name="connsiteX29" fmla="*/ 6638925 w 8315325"/>
              <a:gd name="connsiteY29" fmla="*/ 457200 h 4410075"/>
              <a:gd name="connsiteX30" fmla="*/ 6681788 w 8315325"/>
              <a:gd name="connsiteY30" fmla="*/ 457200 h 4410075"/>
              <a:gd name="connsiteX31" fmla="*/ 6681788 w 8315325"/>
              <a:gd name="connsiteY31" fmla="*/ 252413 h 4410075"/>
              <a:gd name="connsiteX32" fmla="*/ 6819900 w 8315325"/>
              <a:gd name="connsiteY32" fmla="*/ 238126 h 4410075"/>
              <a:gd name="connsiteX33" fmla="*/ 6915150 w 8315325"/>
              <a:gd name="connsiteY33" fmla="*/ 247651 h 4410075"/>
              <a:gd name="connsiteX34" fmla="*/ 6977062 w 8315325"/>
              <a:gd name="connsiteY34" fmla="*/ 219075 h 4410075"/>
              <a:gd name="connsiteX35" fmla="*/ 7015163 w 8315325"/>
              <a:gd name="connsiteY35" fmla="*/ 176213 h 4410075"/>
              <a:gd name="connsiteX36" fmla="*/ 7138988 w 8315325"/>
              <a:gd name="connsiteY36" fmla="*/ 161926 h 4410075"/>
              <a:gd name="connsiteX37" fmla="*/ 7258051 w 8315325"/>
              <a:gd name="connsiteY37" fmla="*/ 209551 h 4410075"/>
              <a:gd name="connsiteX38" fmla="*/ 7362825 w 8315325"/>
              <a:gd name="connsiteY38" fmla="*/ 333375 h 4410075"/>
              <a:gd name="connsiteX39" fmla="*/ 7924800 w 8315325"/>
              <a:gd name="connsiteY39" fmla="*/ 171450 h 4410075"/>
              <a:gd name="connsiteX40" fmla="*/ 8258175 w 8315325"/>
              <a:gd name="connsiteY40" fmla="*/ 0 h 4410075"/>
              <a:gd name="connsiteX41" fmla="*/ 8315325 w 8315325"/>
              <a:gd name="connsiteY41" fmla="*/ 47625 h 4410075"/>
              <a:gd name="connsiteX42" fmla="*/ 8305800 w 8315325"/>
              <a:gd name="connsiteY42" fmla="*/ 85725 h 4410075"/>
              <a:gd name="connsiteX43" fmla="*/ 8267700 w 8315325"/>
              <a:gd name="connsiteY43" fmla="*/ 114300 h 4410075"/>
              <a:gd name="connsiteX44" fmla="*/ 8086725 w 8315325"/>
              <a:gd name="connsiteY44" fmla="*/ 219075 h 4410075"/>
              <a:gd name="connsiteX45" fmla="*/ 7991475 w 8315325"/>
              <a:gd name="connsiteY45" fmla="*/ 257175 h 4410075"/>
              <a:gd name="connsiteX46" fmla="*/ 7943850 w 8315325"/>
              <a:gd name="connsiteY46" fmla="*/ 352425 h 4410075"/>
              <a:gd name="connsiteX47" fmla="*/ 7820025 w 8315325"/>
              <a:gd name="connsiteY47" fmla="*/ 428625 h 4410075"/>
              <a:gd name="connsiteX48" fmla="*/ 7734300 w 8315325"/>
              <a:gd name="connsiteY48" fmla="*/ 590550 h 4410075"/>
              <a:gd name="connsiteX49" fmla="*/ 7667625 w 8315325"/>
              <a:gd name="connsiteY49" fmla="*/ 657225 h 4410075"/>
              <a:gd name="connsiteX50" fmla="*/ 7581900 w 8315325"/>
              <a:gd name="connsiteY50" fmla="*/ 742950 h 4410075"/>
              <a:gd name="connsiteX51" fmla="*/ 7467600 w 8315325"/>
              <a:gd name="connsiteY51" fmla="*/ 857250 h 4410075"/>
              <a:gd name="connsiteX52" fmla="*/ 7400925 w 8315325"/>
              <a:gd name="connsiteY52" fmla="*/ 942975 h 4410075"/>
              <a:gd name="connsiteX53" fmla="*/ 7343775 w 8315325"/>
              <a:gd name="connsiteY53" fmla="*/ 971550 h 4410075"/>
              <a:gd name="connsiteX54" fmla="*/ 7181850 w 8315325"/>
              <a:gd name="connsiteY54" fmla="*/ 1238250 h 4410075"/>
              <a:gd name="connsiteX55" fmla="*/ 6819900 w 8315325"/>
              <a:gd name="connsiteY55" fmla="*/ 1476375 h 4410075"/>
              <a:gd name="connsiteX56" fmla="*/ 6448425 w 8315325"/>
              <a:gd name="connsiteY56" fmla="*/ 1695450 h 4410075"/>
              <a:gd name="connsiteX57" fmla="*/ 6096000 w 8315325"/>
              <a:gd name="connsiteY57" fmla="*/ 1857375 h 4410075"/>
              <a:gd name="connsiteX58" fmla="*/ 5638800 w 8315325"/>
              <a:gd name="connsiteY58" fmla="*/ 2076450 h 4410075"/>
              <a:gd name="connsiteX59" fmla="*/ 5143500 w 8315325"/>
              <a:gd name="connsiteY59" fmla="*/ 2276475 h 4410075"/>
              <a:gd name="connsiteX60" fmla="*/ 4667250 w 8315325"/>
              <a:gd name="connsiteY60" fmla="*/ 2447925 h 4410075"/>
              <a:gd name="connsiteX61" fmla="*/ 4010025 w 8315325"/>
              <a:gd name="connsiteY61" fmla="*/ 2809875 h 4410075"/>
              <a:gd name="connsiteX62" fmla="*/ 4629150 w 8315325"/>
              <a:gd name="connsiteY62" fmla="*/ 2981325 h 4410075"/>
              <a:gd name="connsiteX63" fmla="*/ 5276850 w 8315325"/>
              <a:gd name="connsiteY63" fmla="*/ 3200400 h 4410075"/>
              <a:gd name="connsiteX64" fmla="*/ 8305800 w 8315325"/>
              <a:gd name="connsiteY64" fmla="*/ 4410075 h 4410075"/>
              <a:gd name="connsiteX65" fmla="*/ 0 w 8315325"/>
              <a:gd name="connsiteY65" fmla="*/ 4410075 h 4410075"/>
              <a:gd name="connsiteX66" fmla="*/ 19050 w 8315325"/>
              <a:gd name="connsiteY66" fmla="*/ 2619375 h 44100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Lst>
            <a:rect l="l" t="t" r="r" b="b"/>
            <a:pathLst>
              <a:path w="8315325" h="4410075">
                <a:moveTo>
                  <a:pt x="19050" y="2619375"/>
                </a:moveTo>
                <a:lnTo>
                  <a:pt x="885825" y="2333625"/>
                </a:lnTo>
                <a:lnTo>
                  <a:pt x="1247775" y="2228850"/>
                </a:lnTo>
                <a:lnTo>
                  <a:pt x="1657350" y="2095500"/>
                </a:lnTo>
                <a:lnTo>
                  <a:pt x="2143125" y="1943100"/>
                </a:lnTo>
                <a:lnTo>
                  <a:pt x="2533650" y="1828800"/>
                </a:lnTo>
                <a:lnTo>
                  <a:pt x="2828925" y="1743075"/>
                </a:lnTo>
                <a:lnTo>
                  <a:pt x="3495675" y="1543050"/>
                </a:lnTo>
                <a:lnTo>
                  <a:pt x="3462337" y="1090612"/>
                </a:lnTo>
                <a:lnTo>
                  <a:pt x="4481513" y="847725"/>
                </a:lnTo>
                <a:lnTo>
                  <a:pt x="4919663" y="904875"/>
                </a:lnTo>
                <a:cubicBezTo>
                  <a:pt x="4918076" y="774700"/>
                  <a:pt x="4916488" y="644525"/>
                  <a:pt x="4914901" y="514350"/>
                </a:cubicBezTo>
                <a:lnTo>
                  <a:pt x="5024438" y="490538"/>
                </a:lnTo>
                <a:lnTo>
                  <a:pt x="5157788" y="495300"/>
                </a:lnTo>
                <a:lnTo>
                  <a:pt x="5381626" y="461963"/>
                </a:lnTo>
                <a:lnTo>
                  <a:pt x="5434013" y="457200"/>
                </a:lnTo>
                <a:lnTo>
                  <a:pt x="5581649" y="419100"/>
                </a:lnTo>
                <a:lnTo>
                  <a:pt x="5586413" y="366713"/>
                </a:lnTo>
                <a:lnTo>
                  <a:pt x="5791200" y="328613"/>
                </a:lnTo>
                <a:lnTo>
                  <a:pt x="5962650" y="328613"/>
                </a:lnTo>
                <a:lnTo>
                  <a:pt x="5962650" y="309563"/>
                </a:lnTo>
                <a:lnTo>
                  <a:pt x="5981701" y="304800"/>
                </a:lnTo>
                <a:lnTo>
                  <a:pt x="6205537" y="319088"/>
                </a:lnTo>
                <a:lnTo>
                  <a:pt x="6200775" y="538163"/>
                </a:lnTo>
                <a:lnTo>
                  <a:pt x="6219827" y="523875"/>
                </a:lnTo>
                <a:cubicBezTo>
                  <a:pt x="6219827" y="471488"/>
                  <a:pt x="6215064" y="400051"/>
                  <a:pt x="6215064" y="347664"/>
                </a:cubicBezTo>
                <a:lnTo>
                  <a:pt x="6496050" y="276226"/>
                </a:lnTo>
                <a:lnTo>
                  <a:pt x="6624638" y="285750"/>
                </a:lnTo>
                <a:lnTo>
                  <a:pt x="6638925" y="323850"/>
                </a:lnTo>
                <a:lnTo>
                  <a:pt x="6638925" y="457200"/>
                </a:lnTo>
                <a:lnTo>
                  <a:pt x="6681788" y="457200"/>
                </a:lnTo>
                <a:lnTo>
                  <a:pt x="6681788" y="252413"/>
                </a:lnTo>
                <a:lnTo>
                  <a:pt x="6819900" y="238126"/>
                </a:lnTo>
                <a:lnTo>
                  <a:pt x="6915150" y="247651"/>
                </a:lnTo>
                <a:lnTo>
                  <a:pt x="6977062" y="219075"/>
                </a:lnTo>
                <a:lnTo>
                  <a:pt x="7015163" y="176213"/>
                </a:lnTo>
                <a:lnTo>
                  <a:pt x="7138988" y="161926"/>
                </a:lnTo>
                <a:lnTo>
                  <a:pt x="7258051" y="209551"/>
                </a:lnTo>
                <a:lnTo>
                  <a:pt x="7362825" y="333375"/>
                </a:lnTo>
                <a:lnTo>
                  <a:pt x="7924800" y="171450"/>
                </a:lnTo>
                <a:lnTo>
                  <a:pt x="8258175" y="0"/>
                </a:lnTo>
                <a:lnTo>
                  <a:pt x="8315325" y="47625"/>
                </a:lnTo>
                <a:lnTo>
                  <a:pt x="8305800" y="85725"/>
                </a:lnTo>
                <a:lnTo>
                  <a:pt x="8267700" y="114300"/>
                </a:lnTo>
                <a:lnTo>
                  <a:pt x="8086725" y="219075"/>
                </a:lnTo>
                <a:lnTo>
                  <a:pt x="7991475" y="257175"/>
                </a:lnTo>
                <a:lnTo>
                  <a:pt x="7943850" y="352425"/>
                </a:lnTo>
                <a:lnTo>
                  <a:pt x="7820025" y="428625"/>
                </a:lnTo>
                <a:lnTo>
                  <a:pt x="7734300" y="590550"/>
                </a:lnTo>
                <a:lnTo>
                  <a:pt x="7667625" y="657225"/>
                </a:lnTo>
                <a:lnTo>
                  <a:pt x="7581900" y="742950"/>
                </a:lnTo>
                <a:lnTo>
                  <a:pt x="7467600" y="857250"/>
                </a:lnTo>
                <a:lnTo>
                  <a:pt x="7400925" y="942975"/>
                </a:lnTo>
                <a:lnTo>
                  <a:pt x="7343775" y="971550"/>
                </a:lnTo>
                <a:lnTo>
                  <a:pt x="7181850" y="1238250"/>
                </a:lnTo>
                <a:lnTo>
                  <a:pt x="6819900" y="1476375"/>
                </a:lnTo>
                <a:lnTo>
                  <a:pt x="6448425" y="1695450"/>
                </a:lnTo>
                <a:lnTo>
                  <a:pt x="6096000" y="1857375"/>
                </a:lnTo>
                <a:lnTo>
                  <a:pt x="5638800" y="2076450"/>
                </a:lnTo>
                <a:lnTo>
                  <a:pt x="5143500" y="2276475"/>
                </a:lnTo>
                <a:lnTo>
                  <a:pt x="4667250" y="2447925"/>
                </a:lnTo>
                <a:lnTo>
                  <a:pt x="4010025" y="2809875"/>
                </a:lnTo>
                <a:lnTo>
                  <a:pt x="4629150" y="2981325"/>
                </a:lnTo>
                <a:lnTo>
                  <a:pt x="5276850" y="3200400"/>
                </a:lnTo>
                <a:lnTo>
                  <a:pt x="8305800" y="4410075"/>
                </a:lnTo>
                <a:lnTo>
                  <a:pt x="0" y="4410075"/>
                </a:lnTo>
                <a:lnTo>
                  <a:pt x="19050" y="2619375"/>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800" b="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6" name="図 5"/>
          <p:cNvPicPr>
            <a:picLocks noChangeAspect="1"/>
          </p:cNvPicPr>
          <p:nvPr/>
        </p:nvPicPr>
        <p:blipFill>
          <a:blip r:embed="rId3"/>
          <a:stretch>
            <a:fillRect/>
          </a:stretch>
        </p:blipFill>
        <p:spPr>
          <a:xfrm>
            <a:off x="364448" y="2121365"/>
            <a:ext cx="8415104" cy="4454055"/>
          </a:xfrm>
          <a:prstGeom prst="rect">
            <a:avLst/>
          </a:prstGeom>
        </p:spPr>
      </p:pic>
    </p:spTree>
    <p:extLst>
      <p:ext uri="{BB962C8B-B14F-4D97-AF65-F5344CB8AC3E}">
        <p14:creationId xmlns:p14="http://schemas.microsoft.com/office/powerpoint/2010/main" val="43375622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2869" y="772477"/>
            <a:ext cx="9036000"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の整備を担う開発事業者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定期借地権設定契約を締結。</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25832" y="387986"/>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　</a:t>
            </a:r>
            <a:endParaRPr kumimoji="0"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8"/>
          <p:cNvSpPr/>
          <p:nvPr/>
        </p:nvSpPr>
        <p:spPr>
          <a:xfrm>
            <a:off x="7752205" y="-27383"/>
            <a:ext cx="1368000" cy="72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Ⅰ</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直角三角形 41"/>
          <p:cNvSpPr/>
          <p:nvPr/>
        </p:nvSpPr>
        <p:spPr>
          <a:xfrm>
            <a:off x="3866688" y="5513112"/>
            <a:ext cx="776856" cy="648702"/>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直角三角形 43"/>
          <p:cNvSpPr/>
          <p:nvPr/>
        </p:nvSpPr>
        <p:spPr>
          <a:xfrm>
            <a:off x="3866688" y="5128376"/>
            <a:ext cx="776856" cy="1341993"/>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52869" y="2287188"/>
            <a:ext cx="8730716" cy="2031325"/>
          </a:xfrm>
          <a:prstGeom prst="rect">
            <a:avLst/>
          </a:prstGeom>
          <a:noFill/>
        </p:spPr>
        <p:txBody>
          <a:bodyPr wrap="square" rtlCol="0">
            <a:spAutoFit/>
          </a:bodyPr>
          <a:lstStyle/>
          <a:p>
            <a:r>
              <a:rPr lang="ja-JP" altLang="en-US" sz="1400" b="1" u="sng" dirty="0">
                <a:latin typeface="Meiryo UI" panose="020B0604030504040204" pitchFamily="50" charset="-128"/>
                <a:ea typeface="Meiryo UI" panose="020B0604030504040204" pitchFamily="50" charset="-128"/>
              </a:rPr>
              <a:t>○未来医療国際拠点について</a:t>
            </a:r>
          </a:p>
          <a:p>
            <a:r>
              <a:rPr lang="ja-JP" altLang="en-US" sz="1400" dirty="0" smtClean="0">
                <a:latin typeface="Meiryo UI" panose="020B0604030504040204" pitchFamily="50" charset="-128"/>
                <a:ea typeface="Meiryo UI" panose="020B0604030504040204" pitchFamily="50" charset="-128"/>
              </a:rPr>
              <a:t>中之島</a:t>
            </a:r>
            <a:r>
              <a:rPr lang="ja-JP" altLang="en-US" sz="1400" dirty="0">
                <a:latin typeface="Meiryo UI" panose="020B0604030504040204" pitchFamily="50" charset="-128"/>
                <a:ea typeface="Meiryo UI" panose="020B0604030504040204" pitchFamily="50" charset="-128"/>
              </a:rPr>
              <a:t>４丁目において、再生医療をベースに、次の時代に実現すべき新たな「未来医療」の実用化・産業化等を推進する世界に開かれた国際拠点の形成を進め</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2024</a:t>
            </a:r>
            <a:r>
              <a:rPr lang="ja-JP" altLang="en-US" sz="1400" dirty="0" smtClean="0">
                <a:latin typeface="Meiryo UI" panose="020B0604030504040204" pitchFamily="50" charset="-128"/>
                <a:ea typeface="Meiryo UI" panose="020B0604030504040204" pitchFamily="50" charset="-128"/>
              </a:rPr>
              <a:t>年春の</a:t>
            </a:r>
            <a:r>
              <a:rPr lang="ja-JP" altLang="en-US" sz="1400" dirty="0">
                <a:latin typeface="Meiryo UI" panose="020B0604030504040204" pitchFamily="50" charset="-128"/>
                <a:ea typeface="Meiryo UI" panose="020B0604030504040204" pitchFamily="50" charset="-128"/>
              </a:rPr>
              <a:t>オープンをめざす</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コンセプト＞</a:t>
            </a:r>
          </a:p>
          <a:p>
            <a:r>
              <a:rPr lang="ja-JP" altLang="en-US" sz="1400" dirty="0" smtClean="0">
                <a:latin typeface="Meiryo UI" panose="020B0604030504040204" pitchFamily="50" charset="-128"/>
                <a:ea typeface="Meiryo UI" panose="020B0604030504040204" pitchFamily="50" charset="-128"/>
              </a:rPr>
              <a:t>　・再生</a:t>
            </a:r>
            <a:r>
              <a:rPr lang="ja-JP" altLang="en-US" sz="1400" dirty="0">
                <a:latin typeface="Meiryo UI" panose="020B0604030504040204" pitchFamily="50" charset="-128"/>
                <a:ea typeface="Meiryo UI" panose="020B0604030504040204" pitchFamily="50" charset="-128"/>
              </a:rPr>
              <a:t>医療をベースに、ゲノム医療や人工知能、</a:t>
            </a:r>
            <a:r>
              <a:rPr lang="en-US" altLang="ja-JP" sz="1400" dirty="0" err="1">
                <a:latin typeface="Meiryo UI" panose="020B0604030504040204" pitchFamily="50" charset="-128"/>
                <a:ea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rPr>
              <a:t>の活用等、今後</a:t>
            </a:r>
            <a:r>
              <a:rPr lang="ja-JP" altLang="en-US" sz="1400" dirty="0" smtClean="0">
                <a:latin typeface="Meiryo UI" panose="020B0604030504040204" pitchFamily="50" charset="-128"/>
                <a:ea typeface="Meiryo UI" panose="020B0604030504040204" pitchFamily="50" charset="-128"/>
              </a:rPr>
              <a:t>の医療</a:t>
            </a:r>
            <a:r>
              <a:rPr lang="ja-JP" altLang="en-US" sz="1400" dirty="0">
                <a:latin typeface="Meiryo UI" panose="020B0604030504040204" pitchFamily="50" charset="-128"/>
                <a:ea typeface="Meiryo UI" panose="020B0604030504040204" pitchFamily="50" charset="-128"/>
              </a:rPr>
              <a:t>技術の</a:t>
            </a:r>
            <a:r>
              <a:rPr lang="ja-JP" altLang="en-US" sz="1400" dirty="0" smtClean="0">
                <a:latin typeface="Meiryo UI" panose="020B0604030504040204" pitchFamily="50" charset="-128"/>
                <a:ea typeface="Meiryo UI" panose="020B0604030504040204" pitchFamily="50" charset="-128"/>
              </a:rPr>
              <a:t>進歩に</a:t>
            </a:r>
            <a:r>
              <a:rPr lang="ja-JP" altLang="en-US" sz="1400" dirty="0">
                <a:latin typeface="Meiryo UI" panose="020B0604030504040204" pitchFamily="50" charset="-128"/>
                <a:ea typeface="Meiryo UI" panose="020B0604030504040204" pitchFamily="50" charset="-128"/>
              </a:rPr>
              <a:t>即応した最先端</a:t>
            </a:r>
            <a:r>
              <a:rPr lang="ja-JP" altLang="en-US" sz="1400" dirty="0" smtClean="0">
                <a:latin typeface="Meiryo UI" panose="020B0604030504040204" pitchFamily="50" charset="-128"/>
                <a:ea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未来医療」の産業化を</a:t>
            </a:r>
            <a:r>
              <a:rPr lang="ja-JP" altLang="en-US" sz="1400" dirty="0" smtClean="0">
                <a:latin typeface="Meiryo UI" panose="020B0604030504040204" pitchFamily="50" charset="-128"/>
                <a:ea typeface="Meiryo UI" panose="020B0604030504040204" pitchFamily="50" charset="-128"/>
              </a:rPr>
              <a:t>推進</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国内外</a:t>
            </a:r>
            <a:r>
              <a:rPr lang="ja-JP" altLang="en-US" sz="1400" dirty="0">
                <a:latin typeface="Meiryo UI" panose="020B0604030504040204" pitchFamily="50" charset="-128"/>
                <a:ea typeface="Meiryo UI" panose="020B0604030504040204" pitchFamily="50" charset="-128"/>
              </a:rPr>
              <a:t>の患者への「未来医療」の提供により、国際貢献を推進</a:t>
            </a:r>
          </a:p>
          <a:p>
            <a:r>
              <a:rPr lang="ja-JP" altLang="en-US" sz="1400" dirty="0">
                <a:latin typeface="Meiryo UI" panose="020B0604030504040204" pitchFamily="50" charset="-128"/>
                <a:ea typeface="Meiryo UI" panose="020B0604030504040204" pitchFamily="50" charset="-128"/>
              </a:rPr>
              <a:t>＜ビジョン＞</a:t>
            </a:r>
          </a:p>
          <a:p>
            <a:r>
              <a:rPr lang="ja-JP" altLang="en-US" sz="1400" dirty="0" smtClean="0">
                <a:latin typeface="Meiryo UI" panose="020B0604030504040204" pitchFamily="50" charset="-128"/>
                <a:ea typeface="Meiryo UI" panose="020B0604030504040204" pitchFamily="50" charset="-128"/>
              </a:rPr>
              <a:t>　・オールジャパン</a:t>
            </a:r>
            <a:r>
              <a:rPr lang="ja-JP" altLang="en-US" sz="1400" dirty="0">
                <a:latin typeface="Meiryo UI" panose="020B0604030504040204" pitchFamily="50" charset="-128"/>
                <a:ea typeface="Meiryo UI" panose="020B0604030504040204" pitchFamily="50" charset="-128"/>
              </a:rPr>
              <a:t>体制での未来医療技術の産業化とその提供による</a:t>
            </a:r>
            <a:r>
              <a:rPr lang="ja-JP" altLang="en-US" sz="1400" dirty="0" smtClean="0">
                <a:latin typeface="Meiryo UI" panose="020B0604030504040204" pitchFamily="50" charset="-128"/>
                <a:ea typeface="Meiryo UI" panose="020B0604030504040204" pitchFamily="50" charset="-128"/>
              </a:rPr>
              <a:t>国際貢献</a:t>
            </a:r>
            <a:r>
              <a:rPr lang="ja-JP" altLang="en-US" sz="1400" dirty="0">
                <a:latin typeface="Meiryo UI" panose="020B0604030504040204" pitchFamily="50" charset="-128"/>
                <a:ea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rPr>
              <a:t>推進</a:t>
            </a:r>
            <a:endParaRPr lang="ja-JP" altLang="en-US" sz="1400" dirty="0">
              <a:latin typeface="Meiryo UI" panose="020B0604030504040204" pitchFamily="50" charset="-128"/>
              <a:ea typeface="Meiryo UI" panose="020B0604030504040204" pitchFamily="50" charset="-128"/>
            </a:endParaRPr>
          </a:p>
        </p:txBody>
      </p:sp>
      <p:grpSp>
        <p:nvGrpSpPr>
          <p:cNvPr id="19" name="グループ化 18"/>
          <p:cNvGrpSpPr/>
          <p:nvPr/>
        </p:nvGrpSpPr>
        <p:grpSpPr>
          <a:xfrm>
            <a:off x="6973722" y="4318513"/>
            <a:ext cx="1556965" cy="2437422"/>
            <a:chOff x="4009352" y="1274135"/>
            <a:chExt cx="3389854" cy="5176218"/>
          </a:xfrm>
        </p:grpSpPr>
        <p:pic>
          <p:nvPicPr>
            <p:cNvPr id="20" name="図 19"/>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tretch>
              <a:fillRect/>
            </a:stretch>
          </p:blipFill>
          <p:spPr>
            <a:xfrm>
              <a:off x="4009352" y="1274135"/>
              <a:ext cx="3389854" cy="4993057"/>
            </a:xfrm>
            <a:prstGeom prst="rect">
              <a:avLst/>
            </a:prstGeom>
          </p:spPr>
        </p:pic>
        <p:cxnSp>
          <p:nvCxnSpPr>
            <p:cNvPr id="21" name="直線コネクタ 20"/>
            <p:cNvCxnSpPr>
              <a:stCxn id="30" idx="2"/>
            </p:cNvCxnSpPr>
            <p:nvPr/>
          </p:nvCxnSpPr>
          <p:spPr>
            <a:xfrm flipV="1">
              <a:off x="4463463" y="1313715"/>
              <a:ext cx="2057009" cy="817307"/>
            </a:xfrm>
            <a:prstGeom prst="line">
              <a:avLst/>
            </a:prstGeom>
            <a:ln w="53975">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flipH="1">
              <a:off x="5076791" y="3003063"/>
              <a:ext cx="162761" cy="173359"/>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23" name="テキスト ボックス 54"/>
            <p:cNvSpPr txBox="1"/>
            <p:nvPr/>
          </p:nvSpPr>
          <p:spPr>
            <a:xfrm>
              <a:off x="4329485" y="3994649"/>
              <a:ext cx="995082" cy="247977"/>
            </a:xfrm>
            <a:prstGeom prst="rect">
              <a:avLst/>
            </a:prstGeom>
            <a:solidFill>
              <a:schemeClr val="bg1"/>
            </a:solidFill>
            <a:ln w="12700">
              <a:solidFill>
                <a:srgbClr val="FF00FF"/>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600" b="1" dirty="0">
                  <a:solidFill>
                    <a:srgbClr val="000000"/>
                  </a:solidFill>
                  <a:latin typeface="Meiryo UI" panose="020B0604030504040204" pitchFamily="50" charset="-128"/>
                  <a:ea typeface="Meiryo UI" panose="020B0604030504040204" pitchFamily="50" charset="-128"/>
                  <a:cs typeface="Times New Roman"/>
                </a:rPr>
                <a:t>＜中之島＞</a:t>
              </a:r>
              <a:endParaRPr lang="ja-JP" altLang="en-US" sz="600" b="1"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24" name="テキスト ボックス 54"/>
            <p:cNvSpPr txBox="1"/>
            <p:nvPr/>
          </p:nvSpPr>
          <p:spPr>
            <a:xfrm>
              <a:off x="5349288" y="3493768"/>
              <a:ext cx="675226"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梅田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54"/>
            <p:cNvSpPr txBox="1"/>
            <p:nvPr/>
          </p:nvSpPr>
          <p:spPr>
            <a:xfrm>
              <a:off x="5655784" y="4136545"/>
              <a:ext cx="597747"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54"/>
            <p:cNvSpPr txBox="1"/>
            <p:nvPr/>
          </p:nvSpPr>
          <p:spPr>
            <a:xfrm>
              <a:off x="5858985" y="4801928"/>
              <a:ext cx="597747" cy="15710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本町駅</a:t>
              </a:r>
            </a:p>
          </p:txBody>
        </p:sp>
        <p:sp>
          <p:nvSpPr>
            <p:cNvPr id="27" name="テキスト ボックス 54"/>
            <p:cNvSpPr txBox="1"/>
            <p:nvPr/>
          </p:nvSpPr>
          <p:spPr>
            <a:xfrm>
              <a:off x="6224598" y="5932559"/>
              <a:ext cx="843880"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新難波駅</a:t>
              </a:r>
            </a:p>
          </p:txBody>
        </p:sp>
        <p:sp>
          <p:nvSpPr>
            <p:cNvPr id="28" name="テキスト ボックス 54"/>
            <p:cNvSpPr txBox="1"/>
            <p:nvPr/>
          </p:nvSpPr>
          <p:spPr>
            <a:xfrm>
              <a:off x="5175510" y="5971041"/>
              <a:ext cx="632910" cy="13838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en-US" altLang="ja-JP"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難波駅</a:t>
              </a:r>
            </a:p>
          </p:txBody>
        </p:sp>
        <p:sp>
          <p:nvSpPr>
            <p:cNvPr id="29" name="テキスト ボックス 54"/>
            <p:cNvSpPr txBox="1"/>
            <p:nvPr/>
          </p:nvSpPr>
          <p:spPr>
            <a:xfrm>
              <a:off x="5500518" y="6267645"/>
              <a:ext cx="1111085" cy="182708"/>
            </a:xfrm>
            <a:prstGeom prst="rect">
              <a:avLst/>
            </a:prstGeom>
            <a:solidFill>
              <a:schemeClr val="bg1"/>
            </a:solidFill>
            <a:ln w="25400">
              <a:solidFill>
                <a:schemeClr val="tx2"/>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至 関西国際空港</a:t>
              </a:r>
            </a:p>
          </p:txBody>
        </p:sp>
        <p:sp>
          <p:nvSpPr>
            <p:cNvPr id="30" name="フリーフォーム 29"/>
            <p:cNvSpPr/>
            <p:nvPr/>
          </p:nvSpPr>
          <p:spPr>
            <a:xfrm>
              <a:off x="4044820" y="2078304"/>
              <a:ext cx="418643" cy="63172"/>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539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sp>
          <p:nvSpPr>
            <p:cNvPr id="31" name="テキスト ボックス 54"/>
            <p:cNvSpPr txBox="1"/>
            <p:nvPr/>
          </p:nvSpPr>
          <p:spPr>
            <a:xfrm rot="20341222">
              <a:off x="4475935" y="1643283"/>
              <a:ext cx="1160335"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山陽新幹線</a:t>
              </a:r>
            </a:p>
          </p:txBody>
        </p:sp>
        <p:sp>
          <p:nvSpPr>
            <p:cNvPr id="32" name="フリーフォーム 31"/>
            <p:cNvSpPr/>
            <p:nvPr/>
          </p:nvSpPr>
          <p:spPr>
            <a:xfrm rot="21480000">
              <a:off x="4136264" y="2121955"/>
              <a:ext cx="316455" cy="17581"/>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47625">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cxnSp>
          <p:nvCxnSpPr>
            <p:cNvPr id="33" name="直線コネクタ 32"/>
            <p:cNvCxnSpPr/>
            <p:nvPr/>
          </p:nvCxnSpPr>
          <p:spPr>
            <a:xfrm flipV="1">
              <a:off x="4432315" y="1336727"/>
              <a:ext cx="2057009" cy="817307"/>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34" name="テキスト ボックス 54"/>
            <p:cNvSpPr txBox="1"/>
            <p:nvPr/>
          </p:nvSpPr>
          <p:spPr>
            <a:xfrm>
              <a:off x="5997918" y="1369984"/>
              <a:ext cx="597748" cy="215347"/>
            </a:xfrm>
            <a:prstGeom prst="rect">
              <a:avLst/>
            </a:prstGeom>
            <a:solidFill>
              <a:schemeClr val="bg1"/>
            </a:solidFill>
            <a:ln w="25400">
              <a:solidFill>
                <a:schemeClr val="accent1"/>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pic>
        <p:nvPicPr>
          <p:cNvPr id="35" name="図 3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11559" y="4382907"/>
            <a:ext cx="3181383" cy="2148465"/>
          </a:xfrm>
          <a:prstGeom prst="rect">
            <a:avLst/>
          </a:prstGeom>
        </p:spPr>
      </p:pic>
      <p:sp>
        <p:nvSpPr>
          <p:cNvPr id="36" name="正方形/長方形 35"/>
          <p:cNvSpPr/>
          <p:nvPr/>
        </p:nvSpPr>
        <p:spPr>
          <a:xfrm>
            <a:off x="578023" y="6568463"/>
            <a:ext cx="3214919"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の</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a:blip r:embed="rId6"/>
          <a:stretch>
            <a:fillRect/>
          </a:stretch>
        </p:blipFill>
        <p:spPr>
          <a:xfrm>
            <a:off x="4087505" y="4318513"/>
            <a:ext cx="2485554" cy="2344451"/>
          </a:xfrm>
          <a:prstGeom prst="rect">
            <a:avLst/>
          </a:prstGeom>
        </p:spPr>
      </p:pic>
      <p:sp>
        <p:nvSpPr>
          <p:cNvPr id="37" name="図形 36"/>
          <p:cNvSpPr/>
          <p:nvPr/>
        </p:nvSpPr>
        <p:spPr>
          <a:xfrm rot="12180000" flipH="1">
            <a:off x="5913526" y="5473940"/>
            <a:ext cx="1456097" cy="1054047"/>
          </a:xfrm>
          <a:prstGeom prst="swooshArrow">
            <a:avLst>
              <a:gd name="adj1" fmla="val 10451"/>
              <a:gd name="adj2" fmla="val 24166"/>
            </a:avLst>
          </a:prstGeom>
          <a:scene3d>
            <a:camera prst="orthographicFront">
              <a:rot lat="10800000" lon="0" rev="0"/>
            </a:camera>
            <a:lightRig rig="threePt" dir="t"/>
          </a:scene3d>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3" name="正方形/長方形 2"/>
          <p:cNvSpPr/>
          <p:nvPr/>
        </p:nvSpPr>
        <p:spPr>
          <a:xfrm>
            <a:off x="5737335" y="5319309"/>
            <a:ext cx="794316" cy="291615"/>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600" dirty="0" smtClean="0">
                <a:solidFill>
                  <a:srgbClr val="FF0000"/>
                </a:solidFill>
              </a:rPr>
              <a:t>大阪中之島美術館</a:t>
            </a:r>
            <a:endParaRPr kumimoji="1" lang="en-US" altLang="ja-JP" sz="600" dirty="0" smtClean="0">
              <a:solidFill>
                <a:srgbClr val="FF0000"/>
              </a:solidFill>
            </a:endParaRPr>
          </a:p>
          <a:p>
            <a:pPr algn="ctr"/>
            <a:r>
              <a:rPr lang="en-US" altLang="ja-JP" sz="600" dirty="0" smtClean="0">
                <a:solidFill>
                  <a:srgbClr val="FF0000"/>
                </a:solidFill>
              </a:rPr>
              <a:t>2021</a:t>
            </a:r>
            <a:r>
              <a:rPr lang="ja-JP" altLang="en-US" sz="600" dirty="0" smtClean="0">
                <a:solidFill>
                  <a:srgbClr val="FF0000"/>
                </a:solidFill>
              </a:rPr>
              <a:t>年度開館予定</a:t>
            </a:r>
            <a:endParaRPr kumimoji="1" lang="ja-JP" altLang="en-US" sz="600" dirty="0">
              <a:solidFill>
                <a:srgbClr val="FF0000"/>
              </a:solidFill>
            </a:endParaRPr>
          </a:p>
        </p:txBody>
      </p:sp>
      <p:sp>
        <p:nvSpPr>
          <p:cNvPr id="39" name="スライド番号プレースホルダー 4"/>
          <p:cNvSpPr txBox="1">
            <a:spLocks/>
          </p:cNvSpPr>
          <p:nvPr/>
        </p:nvSpPr>
        <p:spPr>
          <a:xfrm>
            <a:off x="6955269" y="6452087"/>
            <a:ext cx="2133600" cy="365125"/>
          </a:xfrm>
          <a:prstGeom prst="rect">
            <a:avLst/>
          </a:prstGeom>
        </p:spPr>
        <p:txBody>
          <a:bodyPr anchor="b" anchorCtr="0"/>
          <a:lstStyle>
            <a:defPPr>
              <a:defRPr lang="ja-JP"/>
            </a:defPPr>
            <a:lvl1pPr marL="0" algn="r" defTabSz="914400" rtl="0" eaLnBrk="1" latinLnBrk="0" hangingPunct="1">
              <a:defRPr kumimoji="1" sz="1800" b="1"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78</a:t>
            </a:fld>
            <a:endParaRPr lang="ja-JP" altLang="en-US" dirty="0"/>
          </a:p>
        </p:txBody>
      </p:sp>
      <p:sp>
        <p:nvSpPr>
          <p:cNvPr id="5" name="正方形/長方形 4"/>
          <p:cNvSpPr/>
          <p:nvPr/>
        </p:nvSpPr>
        <p:spPr>
          <a:xfrm>
            <a:off x="4073199" y="4319761"/>
            <a:ext cx="1950902" cy="392956"/>
          </a:xfrm>
          <a:prstGeom prst="rect">
            <a:avLst/>
          </a:prstGeom>
          <a:solidFill>
            <a:schemeClr val="bg1"/>
          </a:solid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schemeClr val="tx1"/>
                </a:solidFill>
              </a:rPr>
              <a:t>未来医療国際</a:t>
            </a:r>
            <a:r>
              <a:rPr lang="ja-JP" altLang="en-US" sz="1050" dirty="0" smtClean="0">
                <a:solidFill>
                  <a:schemeClr val="tx1"/>
                </a:solidFill>
              </a:rPr>
              <a:t>拠点開業予定地</a:t>
            </a:r>
            <a:endParaRPr lang="en-US" altLang="ja-JP" sz="1050" dirty="0" smtClean="0">
              <a:solidFill>
                <a:schemeClr val="tx1"/>
              </a:solidFill>
            </a:endParaRPr>
          </a:p>
          <a:p>
            <a:pPr algn="ctr"/>
            <a:r>
              <a:rPr lang="ja-JP" altLang="en-US" sz="1050" dirty="0" smtClean="0">
                <a:solidFill>
                  <a:schemeClr val="tx1"/>
                </a:solidFill>
              </a:rPr>
              <a:t>約</a:t>
            </a:r>
            <a:r>
              <a:rPr lang="en-US" altLang="ja-JP" sz="1050" dirty="0" smtClean="0">
                <a:solidFill>
                  <a:schemeClr val="tx1"/>
                </a:solidFill>
              </a:rPr>
              <a:t>8,600</a:t>
            </a:r>
            <a:r>
              <a:rPr lang="ja-JP" altLang="en-US" sz="1050" dirty="0" smtClean="0">
                <a:solidFill>
                  <a:schemeClr val="tx1"/>
                </a:solidFill>
              </a:rPr>
              <a:t>㎡</a:t>
            </a:r>
            <a:endParaRPr lang="en-US" altLang="ja-JP" sz="1050" dirty="0" smtClean="0">
              <a:solidFill>
                <a:schemeClr val="tx1"/>
              </a:solidFill>
            </a:endParaRPr>
          </a:p>
        </p:txBody>
      </p:sp>
      <p:sp>
        <p:nvSpPr>
          <p:cNvPr id="38" name="テキスト ボックス 54"/>
          <p:cNvSpPr txBox="1"/>
          <p:nvPr/>
        </p:nvSpPr>
        <p:spPr>
          <a:xfrm>
            <a:off x="6909833" y="6641692"/>
            <a:ext cx="439448" cy="1358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駅名は仮称）</a:t>
            </a:r>
            <a:endParaRPr lang="ja-JP" altLang="en-US" sz="4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楕円 3"/>
          <p:cNvSpPr/>
          <p:nvPr/>
        </p:nvSpPr>
        <p:spPr>
          <a:xfrm rot="19810677">
            <a:off x="4370068" y="5597489"/>
            <a:ext cx="323612" cy="1135206"/>
          </a:xfrm>
          <a:prstGeom prst="ellipse">
            <a:avLst/>
          </a:prstGeom>
          <a:solidFill>
            <a:schemeClr val="bg1"/>
          </a:solid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仮称）中之島駅</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8910177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64704"/>
            <a:ext cx="993710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質成長率に対する</a:t>
            </a:r>
            <a:r>
              <a:rPr lang="ja-JP" altLang="en-US"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に対す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の寄与度をみると、減少に寄与した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専門・科学技術、業務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業」と「教育」で、それ以外はほとんどが増加に寄与し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2" name="テキスト ボックス 11"/>
          <p:cNvSpPr txBox="1"/>
          <p:nvPr/>
        </p:nvSpPr>
        <p:spPr>
          <a:xfrm>
            <a:off x="0" y="2025036"/>
            <a:ext cx="1212813"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2809885633"/>
              </p:ext>
            </p:extLst>
          </p:nvPr>
        </p:nvGraphicFramePr>
        <p:xfrm>
          <a:off x="118826" y="2348878"/>
          <a:ext cx="8845662" cy="4320927"/>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58258345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70541" y="2001947"/>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40466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状況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1501" y="764704"/>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革新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治療法であり、その実施に不可欠な加速器、ホウ素薬剤、</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て集積するこ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強み。</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再発頭頸部癌が保険適用となり、国内では大阪医科大学関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にて保険診療が開始</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graphicFrame>
        <p:nvGraphicFramePr>
          <p:cNvPr id="11" name="表 10"/>
          <p:cNvGraphicFramePr>
            <a:graphicFrameLocks noGrp="1"/>
          </p:cNvGraphicFramePr>
          <p:nvPr>
            <p:extLst>
              <p:ext uri="{D42A27DB-BD31-4B8C-83A1-F6EECF244321}">
                <p14:modId xmlns:p14="http://schemas.microsoft.com/office/powerpoint/2010/main" val="3766395478"/>
              </p:ext>
            </p:extLst>
          </p:nvPr>
        </p:nvGraphicFramePr>
        <p:xfrm>
          <a:off x="155445" y="2309724"/>
          <a:ext cx="8561946" cy="4510035"/>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悪性</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癌が保険適用となり、国内では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及び南東北</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にて診療が開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9693360"/>
                  </a:ext>
                </a:extLst>
              </a:tr>
            </a:tbl>
          </a:graphicData>
        </a:graphic>
      </p:graphicFrame>
    </p:spTree>
    <p:extLst>
      <p:ext uri="{BB962C8B-B14F-4D97-AF65-F5344CB8AC3E}">
        <p14:creationId xmlns:p14="http://schemas.microsoft.com/office/powerpoint/2010/main" val="2229477141"/>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0" y="517454"/>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も可能となっ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ベンチャー企業が行う全ての相談について、テレビ会議システムの利用料を無料とする運用改善を行い、利用の拡大を図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円/楕円 33"/>
          <p:cNvSpPr/>
          <p:nvPr/>
        </p:nvSpPr>
        <p:spPr>
          <a:xfrm>
            <a:off x="7740352" y="-27383"/>
            <a:ext cx="1379853"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02178"/>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a:t>
                </a:r>
                <a:r>
                  <a:rPr lang="ja-JP" altLang="en-US" sz="900" kern="100" dirty="0" smtClean="0">
                    <a:solidFill>
                      <a:prstClr val="black"/>
                    </a:solidFill>
                    <a:latin typeface="Century"/>
                    <a:ea typeface="Meiryo UI"/>
                    <a:cs typeface="Times New Roman"/>
                  </a:rPr>
                  <a:t>総合</a:t>
                </a:r>
                <a:endParaRPr lang="en-US" altLang="ja-JP" sz="900" kern="100" dirty="0" smtClean="0">
                  <a:solidFill>
                    <a:prstClr val="black"/>
                  </a:solidFill>
                  <a:latin typeface="Century"/>
                  <a:ea typeface="Meiryo UI"/>
                  <a:cs typeface="Times New Roman"/>
                </a:endParaRPr>
              </a:p>
              <a:p>
                <a:pPr algn="ctr">
                  <a:lnSpc>
                    <a:spcPts val="900"/>
                  </a:lnSpc>
                </a:pPr>
                <a:r>
                  <a:rPr lang="ja-JP" altLang="en-US" sz="900" kern="100" dirty="0" smtClean="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a:t>
                </a:r>
                <a:r>
                  <a:rPr lang="ja-JP" altLang="en-US" sz="800" kern="100" dirty="0" smtClean="0">
                    <a:latin typeface="Century"/>
                    <a:ea typeface="Meiryo UI"/>
                    <a:cs typeface="Times New Roman"/>
                  </a:rPr>
                  <a:t>基盤・健康・</a:t>
                </a:r>
                <a:endParaRPr lang="en-US" altLang="ja-JP" sz="800" kern="100" dirty="0" smtClean="0">
                  <a:latin typeface="Century"/>
                  <a:ea typeface="Meiryo UI"/>
                  <a:cs typeface="Times New Roman"/>
                </a:endParaRPr>
              </a:p>
              <a:p>
                <a:pPr algn="ctr">
                  <a:lnSpc>
                    <a:spcPts val="900"/>
                  </a:lnSpc>
                </a:pPr>
                <a:r>
                  <a:rPr lang="ja-JP" altLang="en-US" sz="800" kern="100" dirty="0" smtClean="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a:t>
                </a:r>
                <a:r>
                  <a:rPr lang="ja-JP" altLang="en-US" sz="800" kern="100" dirty="0" smtClean="0">
                    <a:solidFill>
                      <a:prstClr val="black"/>
                    </a:solidFill>
                    <a:latin typeface="Century"/>
                    <a:ea typeface="Meiryo UI"/>
                    <a:cs typeface="Times New Roman"/>
                  </a:rPr>
                  <a:t>連携</a:t>
                </a:r>
                <a:endParaRPr lang="en-US" altLang="ja-JP" sz="800" kern="100" dirty="0" smtClean="0">
                  <a:solidFill>
                    <a:prstClr val="black"/>
                  </a:solidFill>
                  <a:latin typeface="Century"/>
                  <a:ea typeface="Meiryo UI"/>
                  <a:cs typeface="Times New Roman"/>
                </a:endParaRPr>
              </a:p>
              <a:p>
                <a:pPr algn="ctr">
                  <a:lnSpc>
                    <a:spcPts val="800"/>
                  </a:lnSpc>
                </a:pPr>
                <a:r>
                  <a:rPr lang="ja-JP" altLang="en-US" sz="800" kern="100" dirty="0" smtClean="0">
                    <a:solidFill>
                      <a:prstClr val="black"/>
                    </a:solidFill>
                    <a:latin typeface="Century"/>
                    <a:ea typeface="Meiryo UI"/>
                    <a:cs typeface="Times New Roman"/>
                  </a:rPr>
                  <a:t>研究</a:t>
                </a:r>
                <a:r>
                  <a:rPr lang="ja-JP" altLang="en-US" sz="800" kern="100" dirty="0">
                    <a:solidFill>
                      <a:prstClr val="black"/>
                    </a:solidFill>
                    <a:latin typeface="Century"/>
                    <a:ea typeface="Meiryo UI"/>
                    <a:cs typeface="Times New Roman"/>
                  </a:rPr>
                  <a:t>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a:t>
                </a:r>
                <a:r>
                  <a:rPr lang="ja-JP" altLang="en-US" sz="850" kern="100" dirty="0" smtClean="0">
                    <a:solidFill>
                      <a:prstClr val="black"/>
                    </a:solidFill>
                    <a:latin typeface="Century"/>
                    <a:ea typeface="Meiryo UI"/>
                    <a:cs typeface="Times New Roman"/>
                  </a:rPr>
                  <a:t>民間</a:t>
                </a:r>
                <a:endParaRPr lang="en-US" altLang="ja-JP" sz="850" kern="100" dirty="0" smtClean="0">
                  <a:solidFill>
                    <a:prstClr val="black"/>
                  </a:solidFill>
                  <a:latin typeface="Century"/>
                  <a:ea typeface="Meiryo UI"/>
                  <a:cs typeface="Times New Roman"/>
                </a:endParaRPr>
              </a:p>
              <a:p>
                <a:pPr algn="ctr">
                  <a:lnSpc>
                    <a:spcPts val="800"/>
                  </a:lnSpc>
                </a:pPr>
                <a:r>
                  <a:rPr lang="ja-JP" altLang="en-US" sz="850" kern="100" dirty="0" smtClean="0">
                    <a:solidFill>
                      <a:prstClr val="black"/>
                    </a:solidFill>
                    <a:latin typeface="Century"/>
                    <a:ea typeface="Meiryo UI"/>
                    <a:cs typeface="Times New Roman"/>
                  </a:rPr>
                  <a:t>研究</a:t>
                </a:r>
                <a:r>
                  <a:rPr lang="ja-JP" altLang="en-US" sz="850" kern="100" dirty="0">
                    <a:solidFill>
                      <a:prstClr val="black"/>
                    </a:solidFill>
                    <a:latin typeface="Century"/>
                    <a:ea typeface="Meiryo UI"/>
                    <a:cs typeface="Times New Roman"/>
                  </a:rPr>
                  <a:t>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smtClean="0">
                  <a:solidFill>
                    <a:schemeClr val="tx1"/>
                  </a:solidFill>
                  <a:ea typeface="Meiryo UI"/>
                  <a:cs typeface="Times New Roman"/>
                </a:rPr>
                <a:t>薬事に関する</a:t>
              </a:r>
              <a:endParaRPr lang="en-US" altLang="ja-JP" sz="800" kern="100" dirty="0" smtClean="0">
                <a:solidFill>
                  <a:schemeClr val="tx1"/>
                </a:solidFill>
                <a:ea typeface="Meiryo UI"/>
                <a:cs typeface="Times New Roman"/>
              </a:endParaRPr>
            </a:p>
            <a:p>
              <a:pPr algn="ctr"/>
              <a:r>
                <a:rPr lang="ja-JP" altLang="en-US" sz="800" kern="100" dirty="0" smtClean="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 name="図 39"/>
          <p:cNvPicPr>
            <a:picLocks noChangeAspect="1"/>
          </p:cNvPicPr>
          <p:nvPr/>
        </p:nvPicPr>
        <p:blipFill>
          <a:blip r:embed="rId3"/>
          <a:stretch>
            <a:fillRect/>
          </a:stretch>
        </p:blipFill>
        <p:spPr>
          <a:xfrm>
            <a:off x="3356511" y="3233089"/>
            <a:ext cx="5722199" cy="2701137"/>
          </a:xfrm>
          <a:prstGeom prst="rect">
            <a:avLst/>
          </a:prstGeom>
        </p:spPr>
      </p:pic>
    </p:spTree>
    <p:extLst>
      <p:ext uri="{BB962C8B-B14F-4D97-AF65-F5344CB8AC3E}">
        <p14:creationId xmlns:p14="http://schemas.microsoft.com/office/powerpoint/2010/main" val="3461827673"/>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499830" y="1873756"/>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99830" y="2237888"/>
            <a:ext cx="3468727" cy="1719813"/>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540385" y="3970401"/>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86896" y="4582514"/>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499830" y="4299541"/>
            <a:ext cx="280831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0"/>
          <p:cNvSpPr>
            <a:spLocks noChangeArrowheads="1"/>
          </p:cNvSpPr>
          <p:nvPr/>
        </p:nvSpPr>
        <p:spPr bwMode="auto">
          <a:xfrm>
            <a:off x="71501" y="50433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1</a:t>
            </a:fld>
            <a:endParaRPr lang="ja-JP" altLang="en-US" b="1" dirty="0"/>
          </a:p>
        </p:txBody>
      </p:sp>
      <p:sp>
        <p:nvSpPr>
          <p:cNvPr id="17" name="正方形/長方形 16"/>
          <p:cNvSpPr/>
          <p:nvPr/>
        </p:nvSpPr>
        <p:spPr>
          <a:xfrm>
            <a:off x="71501" y="980729"/>
            <a:ext cx="8928992" cy="8640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2740236406"/>
              </p:ext>
            </p:extLst>
          </p:nvPr>
        </p:nvGraphicFramePr>
        <p:xfrm>
          <a:off x="83168" y="1988840"/>
          <a:ext cx="5258059" cy="4649726"/>
        </p:xfrm>
        <a:graphic>
          <a:graphicData uri="http://schemas.openxmlformats.org/drawingml/2006/table">
            <a:tbl>
              <a:tblPr firstRow="1" firstCol="1" bandRow="1"/>
              <a:tblGrid>
                <a:gridCol w="612067">
                  <a:extLst>
                    <a:ext uri="{9D8B030D-6E8A-4147-A177-3AD203B41FA5}">
                      <a16:colId xmlns:a16="http://schemas.microsoft.com/office/drawing/2014/main" val="20000"/>
                    </a:ext>
                  </a:extLst>
                </a:gridCol>
                <a:gridCol w="4645992">
                  <a:extLst>
                    <a:ext uri="{9D8B030D-6E8A-4147-A177-3AD203B41FA5}">
                      <a16:colId xmlns:a16="http://schemas.microsoft.com/office/drawing/2014/main" val="20001"/>
                    </a:ext>
                  </a:extLst>
                </a:gridCol>
              </a:tblGrid>
              <a:tr h="216024">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220464">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開始</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375508">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に係る情報発信拠点機能も有した「イワタニ水素ステーション大阪森之宮」が整備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現在　府内水素ステーション９箇所</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3654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終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西国際空港において小型水素燃料フォークリフトの実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3178908190"/>
                  </a:ext>
                </a:extLst>
              </a:tr>
            </a:tbl>
          </a:graphicData>
        </a:graphic>
      </p:graphicFrame>
    </p:spTree>
    <p:extLst>
      <p:ext uri="{BB962C8B-B14F-4D97-AF65-F5344CB8AC3E}">
        <p14:creationId xmlns:p14="http://schemas.microsoft.com/office/powerpoint/2010/main" val="3782154525"/>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7" name="グラフ 26"/>
          <p:cNvGraphicFramePr>
            <a:graphicFrameLocks/>
          </p:cNvGraphicFramePr>
          <p:nvPr>
            <p:extLst>
              <p:ext uri="{D42A27DB-BD31-4B8C-83A1-F6EECF244321}">
                <p14:modId xmlns:p14="http://schemas.microsoft.com/office/powerpoint/2010/main" val="3470617205"/>
              </p:ext>
            </p:extLst>
          </p:nvPr>
        </p:nvGraphicFramePr>
        <p:xfrm>
          <a:off x="4378399" y="2574413"/>
          <a:ext cx="4622094" cy="3973857"/>
        </p:xfrm>
        <a:graphic>
          <a:graphicData uri="http://schemas.openxmlformats.org/drawingml/2006/chart">
            <c:chart xmlns:c="http://schemas.openxmlformats.org/drawingml/2006/chart" xmlns:r="http://schemas.openxmlformats.org/officeDocument/2006/relationships" r:id="rId3"/>
          </a:graphicData>
        </a:graphic>
      </p:graphicFrame>
      <p:sp>
        <p:nvSpPr>
          <p:cNvPr id="15" name="正方形/長方形 10"/>
          <p:cNvSpPr>
            <a:spLocks noChangeArrowheads="1"/>
          </p:cNvSpPr>
          <p:nvPr/>
        </p:nvSpPr>
        <p:spPr bwMode="auto">
          <a:xfrm>
            <a:off x="47394" y="489250"/>
            <a:ext cx="871296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いるも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
          <p:cNvSpPr txBox="1"/>
          <p:nvPr/>
        </p:nvSpPr>
        <p:spPr>
          <a:xfrm>
            <a:off x="4342829" y="2452289"/>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915" y="1974343"/>
            <a:ext cx="4268940"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355976" y="1988840"/>
            <a:ext cx="4848696" cy="469359"/>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地域経済分析システムより経済産業省「企業活動基本調査</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6536377"/>
            <a:ext cx="8352928"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6" name="グラフ 25"/>
          <p:cNvGraphicFramePr>
            <a:graphicFrameLocks/>
          </p:cNvGraphicFramePr>
          <p:nvPr>
            <p:extLst>
              <p:ext uri="{D42A27DB-BD31-4B8C-83A1-F6EECF244321}">
                <p14:modId xmlns:p14="http://schemas.microsoft.com/office/powerpoint/2010/main" val="3317467605"/>
              </p:ext>
            </p:extLst>
          </p:nvPr>
        </p:nvGraphicFramePr>
        <p:xfrm>
          <a:off x="30830" y="2625300"/>
          <a:ext cx="4397154" cy="387208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118306168"/>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61839" y="465521"/>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企業の海外進出動向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地域別では、中国が大半を占めているが、直近は減少。業種別では、製造業と卸売業・小売業が多くを占め、その他の業種では海外進出が進んでいない状況。</a:t>
            </a: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288111" y="2143295"/>
            <a:ext cx="48982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292960" y="440857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6640" y="6537556"/>
            <a:ext cx="2133600" cy="365125"/>
          </a:xfrm>
        </p:spPr>
        <p:txBody>
          <a:bodyPr/>
          <a:lstStyle/>
          <a:p>
            <a:pPr>
              <a:defRPr/>
            </a:pPr>
            <a:fld id="{4AC9B83D-17C3-4F2E-B0BA-D155CD364A7C}" type="slidenum">
              <a:rPr lang="ja-JP" altLang="en-US" b="1" smtClean="0"/>
              <a:pPr>
                <a:defRPr/>
              </a:pPr>
              <a:t>83</a:t>
            </a:fld>
            <a:endParaRPr lang="ja-JP" altLang="en-US" b="1" dirty="0"/>
          </a:p>
        </p:txBody>
      </p:sp>
      <p:sp>
        <p:nvSpPr>
          <p:cNvPr id="4" name="テキスト ボックス 3"/>
          <p:cNvSpPr txBox="1"/>
          <p:nvPr/>
        </p:nvSpPr>
        <p:spPr>
          <a:xfrm>
            <a:off x="35496" y="2592922"/>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4266233" y="2398254"/>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47965" y="5057037"/>
            <a:ext cx="576064"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endParaRPr>
          </a:p>
        </p:txBody>
      </p:sp>
      <p:graphicFrame>
        <p:nvGraphicFramePr>
          <p:cNvPr id="17" name="グラフ 16"/>
          <p:cNvGraphicFramePr>
            <a:graphicFrameLocks/>
          </p:cNvGraphicFramePr>
          <p:nvPr>
            <p:extLst/>
          </p:nvPr>
        </p:nvGraphicFramePr>
        <p:xfrm>
          <a:off x="71501" y="2387815"/>
          <a:ext cx="4298876" cy="449693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a:graphicFrameLocks/>
          </p:cNvGraphicFramePr>
          <p:nvPr>
            <p:extLst/>
          </p:nvPr>
        </p:nvGraphicFramePr>
        <p:xfrm>
          <a:off x="4310685" y="2410916"/>
          <a:ext cx="4943474" cy="196527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9" name="グラフ 28"/>
          <p:cNvGraphicFramePr>
            <a:graphicFrameLocks/>
          </p:cNvGraphicFramePr>
          <p:nvPr>
            <p:extLst>
              <p:ext uri="{D42A27DB-BD31-4B8C-83A1-F6EECF244321}">
                <p14:modId xmlns:p14="http://schemas.microsoft.com/office/powerpoint/2010/main" val="2660802441"/>
              </p:ext>
            </p:extLst>
          </p:nvPr>
        </p:nvGraphicFramePr>
        <p:xfrm>
          <a:off x="4304437" y="4458883"/>
          <a:ext cx="4741052" cy="2393486"/>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3225784685"/>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39739" y="493249"/>
            <a:ext cx="871296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ジェトロ大阪本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ベトナム、タイが上位５か国以内に入るなど、アジア地域の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ベトナム、タイが５割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4"/>
          <p:cNvGraphicFramePr>
            <a:graphicFrameLocks noGrp="1"/>
          </p:cNvGraphicFramePr>
          <p:nvPr>
            <p:extLst>
              <p:ext uri="{D42A27DB-BD31-4B8C-83A1-F6EECF244321}">
                <p14:modId xmlns:p14="http://schemas.microsoft.com/office/powerpoint/2010/main" val="4011258974"/>
              </p:ext>
            </p:extLst>
          </p:nvPr>
        </p:nvGraphicFramePr>
        <p:xfrm>
          <a:off x="251527" y="2420063"/>
          <a:ext cx="8748965" cy="4129897"/>
        </p:xfrm>
        <a:graphic>
          <a:graphicData uri="http://schemas.openxmlformats.org/drawingml/2006/table">
            <a:tbl>
              <a:tblPr>
                <a:tableStyleId>{BC89EF96-8CEA-46FF-86C4-4CE0E7609802}</a:tableStyleId>
              </a:tblPr>
              <a:tblGrid>
                <a:gridCol w="673787">
                  <a:extLst>
                    <a:ext uri="{9D8B030D-6E8A-4147-A177-3AD203B41FA5}">
                      <a16:colId xmlns:a16="http://schemas.microsoft.com/office/drawing/2014/main" val="20000"/>
                    </a:ext>
                  </a:extLst>
                </a:gridCol>
                <a:gridCol w="673787">
                  <a:extLst>
                    <a:ext uri="{9D8B030D-6E8A-4147-A177-3AD203B41FA5}">
                      <a16:colId xmlns:a16="http://schemas.microsoft.com/office/drawing/2014/main" val="20001"/>
                    </a:ext>
                  </a:extLst>
                </a:gridCol>
                <a:gridCol w="673787">
                  <a:extLst>
                    <a:ext uri="{9D8B030D-6E8A-4147-A177-3AD203B41FA5}">
                      <a16:colId xmlns:a16="http://schemas.microsoft.com/office/drawing/2014/main" val="20002"/>
                    </a:ext>
                  </a:extLst>
                </a:gridCol>
                <a:gridCol w="673787">
                  <a:extLst>
                    <a:ext uri="{9D8B030D-6E8A-4147-A177-3AD203B41FA5}">
                      <a16:colId xmlns:a16="http://schemas.microsoft.com/office/drawing/2014/main" val="20003"/>
                    </a:ext>
                  </a:extLst>
                </a:gridCol>
                <a:gridCol w="673787">
                  <a:extLst>
                    <a:ext uri="{9D8B030D-6E8A-4147-A177-3AD203B41FA5}">
                      <a16:colId xmlns:a16="http://schemas.microsoft.com/office/drawing/2014/main" val="20004"/>
                    </a:ext>
                  </a:extLst>
                </a:gridCol>
                <a:gridCol w="673787">
                  <a:extLst>
                    <a:ext uri="{9D8B030D-6E8A-4147-A177-3AD203B41FA5}">
                      <a16:colId xmlns:a16="http://schemas.microsoft.com/office/drawing/2014/main" val="20005"/>
                    </a:ext>
                  </a:extLst>
                </a:gridCol>
                <a:gridCol w="663520">
                  <a:extLst>
                    <a:ext uri="{9D8B030D-6E8A-4147-A177-3AD203B41FA5}">
                      <a16:colId xmlns:a16="http://schemas.microsoft.com/office/drawing/2014/main" val="20006"/>
                    </a:ext>
                  </a:extLst>
                </a:gridCol>
                <a:gridCol w="673787">
                  <a:extLst>
                    <a:ext uri="{9D8B030D-6E8A-4147-A177-3AD203B41FA5}">
                      <a16:colId xmlns:a16="http://schemas.microsoft.com/office/drawing/2014/main" val="20007"/>
                    </a:ext>
                  </a:extLst>
                </a:gridCol>
                <a:gridCol w="673787">
                  <a:extLst>
                    <a:ext uri="{9D8B030D-6E8A-4147-A177-3AD203B41FA5}">
                      <a16:colId xmlns:a16="http://schemas.microsoft.com/office/drawing/2014/main" val="20008"/>
                    </a:ext>
                  </a:extLst>
                </a:gridCol>
                <a:gridCol w="673787">
                  <a:extLst>
                    <a:ext uri="{9D8B030D-6E8A-4147-A177-3AD203B41FA5}">
                      <a16:colId xmlns:a16="http://schemas.microsoft.com/office/drawing/2014/main" val="20009"/>
                    </a:ext>
                  </a:extLst>
                </a:gridCol>
                <a:gridCol w="673788">
                  <a:extLst>
                    <a:ext uri="{9D8B030D-6E8A-4147-A177-3AD203B41FA5}">
                      <a16:colId xmlns:a16="http://schemas.microsoft.com/office/drawing/2014/main" val="20010"/>
                    </a:ext>
                  </a:extLst>
                </a:gridCol>
                <a:gridCol w="673787">
                  <a:extLst>
                    <a:ext uri="{9D8B030D-6E8A-4147-A177-3AD203B41FA5}">
                      <a16:colId xmlns:a16="http://schemas.microsoft.com/office/drawing/2014/main" val="20011"/>
                    </a:ext>
                  </a:extLst>
                </a:gridCol>
                <a:gridCol w="673787">
                  <a:extLst>
                    <a:ext uri="{9D8B030D-6E8A-4147-A177-3AD203B41FA5}">
                      <a16:colId xmlns:a16="http://schemas.microsoft.com/office/drawing/2014/main" val="20012"/>
                    </a:ext>
                  </a:extLst>
                </a:gridCol>
              </a:tblGrid>
              <a:tr h="245144">
                <a:tc rowSpan="3">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付加価値</a:t>
                      </a: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商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68666">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9439">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5144">
                <a:tc rowSpan="3">
                  <a:txBody>
                    <a:bodyPr/>
                    <a:lstStyle/>
                    <a:p>
                      <a:pPr algn="ctr" fontAlgn="ctr"/>
                      <a:r>
                        <a:rPr lang="ja-JP" altLang="en-US"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245144">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67200">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60000">
                <a:tc>
                  <a:txBody>
                    <a:bodyPr/>
                    <a:lstStyle/>
                    <a:p>
                      <a:pPr algn="ctr" fontAlgn="ctr"/>
                      <a:r>
                        <a:rPr lang="en-US" altLang="ja-JP" sz="14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60000">
                <a:tc>
                  <a:txBody>
                    <a:bodyPr/>
                    <a:lstStyle/>
                    <a:p>
                      <a:pPr algn="ctr" fontAlgn="ctr"/>
                      <a:r>
                        <a:rPr lang="en-US" altLang="ja-JP"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西欧</a:t>
                      </a:r>
                      <a:endPar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39" y="2119369"/>
            <a:ext cx="5872420"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　複数回答（％）</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39739" y="6531306"/>
            <a:ext cx="475252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英国を除く</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84</a:t>
            </a:fld>
            <a:endParaRPr lang="ja-JP" altLang="en-US" b="1" dirty="0"/>
          </a:p>
        </p:txBody>
      </p:sp>
    </p:spTree>
    <p:extLst>
      <p:ext uri="{BB962C8B-B14F-4D97-AF65-F5344CB8AC3E}">
        <p14:creationId xmlns:p14="http://schemas.microsoft.com/office/powerpoint/2010/main" val="3509225501"/>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9707" y="483552"/>
            <a:ext cx="8928992" cy="6984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で</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された。また、大阪からの提案内容を踏まえ、法改正等の措置が講ぜられるなど、国において各種取組みが進められ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認定一覧は以下のとおり）。</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7657632" y="-44351"/>
            <a:ext cx="1351067" cy="593032"/>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Ⅲ</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Rectangle 2"/>
          <p:cNvSpPr>
            <a:spLocks noChangeArrowheads="1"/>
          </p:cNvSpPr>
          <p:nvPr/>
        </p:nvSpPr>
        <p:spPr bwMode="auto">
          <a:xfrm>
            <a:off x="609457" y="4984501"/>
            <a:ext cx="3455643" cy="274692"/>
          </a:xfrm>
          <a:prstGeom prst="rect">
            <a:avLst/>
          </a:prstGeom>
          <a:noFill/>
          <a:ln>
            <a:noFill/>
          </a:ln>
          <a:effectLst/>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地域限定保育士試験</a:t>
            </a:r>
            <a:r>
              <a:rPr lang="ja-JP" altLang="en-US" sz="12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の実施</a:t>
            </a:r>
          </a:p>
        </p:txBody>
      </p:sp>
      <p:grpSp>
        <p:nvGrpSpPr>
          <p:cNvPr id="178" name="グループ化 177"/>
          <p:cNvGrpSpPr/>
          <p:nvPr/>
        </p:nvGrpSpPr>
        <p:grpSpPr>
          <a:xfrm>
            <a:off x="783124" y="5237442"/>
            <a:ext cx="3567578" cy="1614927"/>
            <a:chOff x="3843054" y="8034052"/>
            <a:chExt cx="3481668" cy="2315032"/>
          </a:xfrm>
        </p:grpSpPr>
        <p:sp>
          <p:nvSpPr>
            <p:cNvPr id="179" name="角丸四角形 178"/>
            <p:cNvSpPr/>
            <p:nvPr/>
          </p:nvSpPr>
          <p:spPr>
            <a:xfrm>
              <a:off x="5059887" y="8355301"/>
              <a:ext cx="1009981" cy="159751"/>
            </a:xfrm>
            <a:prstGeom prst="roundRect">
              <a:avLst/>
            </a:prstGeom>
            <a:solidFill>
              <a:schemeClr val="bg1"/>
            </a:solidFill>
            <a:ln w="127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rPr>
                <a:t>保育士試験</a:t>
              </a:r>
              <a:endParaRPr lang="ja-JP" altLang="en-US" sz="800" b="1" dirty="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0" name="角丸四角形 179"/>
            <p:cNvSpPr/>
            <p:nvPr/>
          </p:nvSpPr>
          <p:spPr>
            <a:xfrm>
              <a:off x="3843054" y="8502650"/>
              <a:ext cx="3420927" cy="1092522"/>
            </a:xfrm>
            <a:prstGeom prst="roundRect">
              <a:avLst>
                <a:gd name="adj" fmla="val 6901"/>
              </a:avLst>
            </a:prstGeom>
            <a:solidFill>
              <a:schemeClr val="bg1"/>
            </a:solidFill>
            <a:ln w="12700">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1" name="角丸四角形 180"/>
            <p:cNvSpPr/>
            <p:nvPr/>
          </p:nvSpPr>
          <p:spPr>
            <a:xfrm>
              <a:off x="5131178"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角丸四角形 181"/>
            <p:cNvSpPr/>
            <p:nvPr/>
          </p:nvSpPr>
          <p:spPr>
            <a:xfrm>
              <a:off x="5048251" y="8629650"/>
              <a:ext cx="2125662" cy="893514"/>
            </a:xfrm>
            <a:prstGeom prst="roundRect">
              <a:avLst>
                <a:gd name="adj" fmla="val 9572"/>
              </a:avLst>
            </a:prstGeom>
            <a:no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角丸四角形 182"/>
            <p:cNvSpPr/>
            <p:nvPr/>
          </p:nvSpPr>
          <p:spPr>
            <a:xfrm>
              <a:off x="3937667" y="8629650"/>
              <a:ext cx="1047083" cy="893514"/>
            </a:xfrm>
            <a:prstGeom prst="roundRect">
              <a:avLst>
                <a:gd name="adj" fmla="val 9572"/>
              </a:avLst>
            </a:prstGeom>
            <a:solidFill>
              <a:schemeClr val="bg1"/>
            </a:solid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5" name="対角する 2 つの角を丸めた四角形 184"/>
            <p:cNvSpPr/>
            <p:nvPr/>
          </p:nvSpPr>
          <p:spPr>
            <a:xfrm>
              <a:off x="3912026" y="9702038"/>
              <a:ext cx="1164749" cy="407161"/>
            </a:xfrm>
            <a:prstGeom prst="round2DiagRect">
              <a:avLst/>
            </a:prstGeom>
            <a:solidFill>
              <a:srgbClr val="92D050"/>
            </a:solidFill>
            <a:ln w="952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資格</a:t>
              </a:r>
            </a:p>
          </p:txBody>
        </p:sp>
        <p:sp>
          <p:nvSpPr>
            <p:cNvPr id="186" name="曲折矢印 185"/>
            <p:cNvSpPr/>
            <p:nvPr/>
          </p:nvSpPr>
          <p:spPr>
            <a:xfrm rot="10800000">
              <a:off x="4849005" y="9766272"/>
              <a:ext cx="1852204" cy="320256"/>
            </a:xfrm>
            <a:prstGeom prst="bentArrow">
              <a:avLst>
                <a:gd name="adj1" fmla="val 43887"/>
                <a:gd name="adj2" fmla="val 37219"/>
                <a:gd name="adj3" fmla="val 44051"/>
                <a:gd name="adj4" fmla="val 49551"/>
              </a:avLst>
            </a:prstGeom>
            <a:solidFill>
              <a:srgbClr val="FFC000"/>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7" name="正方形/長方形 186"/>
            <p:cNvSpPr/>
            <p:nvPr/>
          </p:nvSpPr>
          <p:spPr>
            <a:xfrm>
              <a:off x="5520300" y="9902254"/>
              <a:ext cx="676853" cy="144016"/>
            </a:xfrm>
            <a:prstGeom prst="rect">
              <a:avLst/>
            </a:prstGeom>
            <a:solidFill>
              <a:schemeClr val="bg1"/>
            </a:solidFill>
            <a:ln w="952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目以降</a:t>
              </a:r>
            </a:p>
          </p:txBody>
        </p:sp>
        <p:sp>
          <p:nvSpPr>
            <p:cNvPr id="188" name="対角する 2 つの角を丸めた四角形 187"/>
            <p:cNvSpPr/>
            <p:nvPr/>
          </p:nvSpPr>
          <p:spPr>
            <a:xfrm>
              <a:off x="5959921" y="9667180"/>
              <a:ext cx="1283841" cy="149709"/>
            </a:xfrm>
            <a:prstGeom prst="round2Diag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は大阪府内のみ</a:t>
              </a:r>
            </a:p>
          </p:txBody>
        </p:sp>
        <p:sp>
          <p:nvSpPr>
            <p:cNvPr id="189" name="正方形/長方形 188"/>
            <p:cNvSpPr/>
            <p:nvPr/>
          </p:nvSpPr>
          <p:spPr>
            <a:xfrm>
              <a:off x="3874056" y="8034052"/>
              <a:ext cx="3416436" cy="330903"/>
            </a:xfrm>
            <a:prstGeom prst="rect">
              <a:avLst/>
            </a:prstGeom>
            <a:effectLst/>
          </p:spPr>
          <p:txBody>
            <a:bodyPr wrap="square" lIns="0" tIns="0" rIns="0" bIns="0">
              <a:spAutoFit/>
            </a:bodyPr>
            <a:lstStyle/>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士の確保を図るため、通常の保育士試験に</a:t>
              </a:r>
              <a:r>
                <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による特区試験を同時実施</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0" name="正方形/長方形 189"/>
            <p:cNvSpPr/>
            <p:nvPr/>
          </p:nvSpPr>
          <p:spPr>
            <a:xfrm>
              <a:off x="3916378" y="10165249"/>
              <a:ext cx="3408344" cy="183835"/>
            </a:xfrm>
            <a:prstGeom prst="rect">
              <a:avLst/>
            </a:prstGeom>
            <a:effectLst/>
          </p:spPr>
          <p:txBody>
            <a:bodyPr wrap="square" lIns="0" tIns="0" rIns="0" bIns="0">
              <a:spAutoFit/>
            </a:bodyPr>
            <a:lstStyle/>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実績　特区試験による合格者数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25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1" name="角丸四角形 190"/>
            <p:cNvSpPr/>
            <p:nvPr/>
          </p:nvSpPr>
          <p:spPr>
            <a:xfrm>
              <a:off x="4020273"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2" name="角丸四角形 191"/>
            <p:cNvSpPr/>
            <p:nvPr/>
          </p:nvSpPr>
          <p:spPr>
            <a:xfrm>
              <a:off x="4185121"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3" name="角丸四角形 192"/>
            <p:cNvSpPr/>
            <p:nvPr/>
          </p:nvSpPr>
          <p:spPr>
            <a:xfrm>
              <a:off x="4100413" y="8962407"/>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p>
          </p:txBody>
        </p:sp>
        <p:sp>
          <p:nvSpPr>
            <p:cNvPr id="194" name="下矢印 193"/>
            <p:cNvSpPr/>
            <p:nvPr/>
          </p:nvSpPr>
          <p:spPr>
            <a:xfrm>
              <a:off x="4332106" y="9439955"/>
              <a:ext cx="240613" cy="269703"/>
            </a:xfrm>
            <a:prstGeom prst="downArrow">
              <a:avLst>
                <a:gd name="adj1" fmla="val 42083"/>
                <a:gd name="adj2" fmla="val 4208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下矢印 194"/>
            <p:cNvSpPr/>
            <p:nvPr/>
          </p:nvSpPr>
          <p:spPr>
            <a:xfrm>
              <a:off x="6496600" y="9357623"/>
              <a:ext cx="263917" cy="309557"/>
            </a:xfrm>
            <a:prstGeom prst="downArrow">
              <a:avLst>
                <a:gd name="adj1" fmla="val 46391"/>
                <a:gd name="adj2" fmla="val 42021"/>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6" name="曲折矢印 195"/>
            <p:cNvSpPr/>
            <p:nvPr/>
          </p:nvSpPr>
          <p:spPr>
            <a:xfrm rot="10800000">
              <a:off x="5066729" y="9439955"/>
              <a:ext cx="586110" cy="449598"/>
            </a:xfrm>
            <a:prstGeom prst="bentArrow">
              <a:avLst>
                <a:gd name="adj1" fmla="val 21339"/>
                <a:gd name="adj2" fmla="val 19429"/>
                <a:gd name="adj3" fmla="val 22760"/>
                <a:gd name="adj4" fmla="val 3424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7" name="角丸四角形 196"/>
            <p:cNvSpPr/>
            <p:nvPr/>
          </p:nvSpPr>
          <p:spPr>
            <a:xfrm>
              <a:off x="4198959" y="8546802"/>
              <a:ext cx="528498" cy="159886"/>
            </a:xfrm>
            <a:prstGeom prst="roundRect">
              <a:avLst/>
            </a:prstGeom>
            <a:solidFill>
              <a:schemeClr val="tx1">
                <a:lumMod val="50000"/>
                <a:lumOff val="5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前　期</a:t>
              </a:r>
              <a:endPar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8" name="角丸四角形 197"/>
            <p:cNvSpPr/>
            <p:nvPr/>
          </p:nvSpPr>
          <p:spPr>
            <a:xfrm>
              <a:off x="4100413" y="9183170"/>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9" name="角丸四角形 198"/>
            <p:cNvSpPr/>
            <p:nvPr/>
          </p:nvSpPr>
          <p:spPr>
            <a:xfrm>
              <a:off x="5220791" y="9182788"/>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角丸四角形 199"/>
            <p:cNvSpPr/>
            <p:nvPr/>
          </p:nvSpPr>
          <p:spPr>
            <a:xfrm>
              <a:off x="5301033"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1" name="角丸四角形吹き出し 200"/>
            <p:cNvSpPr/>
            <p:nvPr/>
          </p:nvSpPr>
          <p:spPr>
            <a:xfrm>
              <a:off x="6096369" y="8810093"/>
              <a:ext cx="1014520" cy="617116"/>
            </a:xfrm>
            <a:prstGeom prst="wedgeRoundRectCallout">
              <a:avLst>
                <a:gd name="adj1" fmla="val -38312"/>
                <a:gd name="adj2" fmla="val 48994"/>
                <a:gd name="adj3" fmla="val 16667"/>
              </a:avLst>
            </a:prstGeom>
            <a:solidFill>
              <a:srgbClr val="FFDF79"/>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角丸四角形 201"/>
            <p:cNvSpPr/>
            <p:nvPr/>
          </p:nvSpPr>
          <p:spPr>
            <a:xfrm>
              <a:off x="5220792" y="8959800"/>
              <a:ext cx="1800200"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角丸四角形 202"/>
            <p:cNvSpPr/>
            <p:nvPr/>
          </p:nvSpPr>
          <p:spPr>
            <a:xfrm>
              <a:off x="6314105" y="8753261"/>
              <a:ext cx="581941" cy="129768"/>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 name="角丸四角形 203"/>
            <p:cNvSpPr/>
            <p:nvPr/>
          </p:nvSpPr>
          <p:spPr>
            <a:xfrm>
              <a:off x="6179566" y="9198471"/>
              <a:ext cx="849280" cy="165691"/>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a:t>
              </a:r>
              <a: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05" name="グループ化 204"/>
          <p:cNvGrpSpPr/>
          <p:nvPr/>
        </p:nvGrpSpPr>
        <p:grpSpPr>
          <a:xfrm rot="21003461">
            <a:off x="3655411" y="4981971"/>
            <a:ext cx="609613" cy="513766"/>
            <a:chOff x="3294885" y="597913"/>
            <a:chExt cx="609613" cy="513766"/>
          </a:xfrm>
        </p:grpSpPr>
        <p:sp>
          <p:nvSpPr>
            <p:cNvPr id="206" name="円/楕円 205"/>
            <p:cNvSpPr/>
            <p:nvPr/>
          </p:nvSpPr>
          <p:spPr>
            <a:xfrm>
              <a:off x="3350231" y="604547"/>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07" name="テキスト ボックス 206"/>
            <p:cNvSpPr txBox="1"/>
            <p:nvPr/>
          </p:nvSpPr>
          <p:spPr>
            <a:xfrm>
              <a:off x="3294885" y="597913"/>
              <a:ext cx="609613" cy="477054"/>
            </a:xfrm>
            <a:prstGeom prst="rect">
              <a:avLst/>
            </a:prstGeom>
            <a:noFill/>
          </p:spPr>
          <p:txBody>
            <a:bodyPr wrap="square" rtlCol="0">
              <a:spAutoFit/>
            </a:bodyPr>
            <a:lstStyle/>
            <a:p>
              <a:pPr algn="ctr">
                <a:lnSpc>
                  <a:spcPts val="1500"/>
                </a:lnSpc>
              </a:pPr>
              <a:r>
                <a:rPr lang="ja-JP" altLang="en-US"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lang="en-US" altLang="ja-JP"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5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初</a:t>
              </a:r>
              <a:endPar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58" name="表 57"/>
          <p:cNvGraphicFramePr>
            <a:graphicFrameLocks noGrp="1"/>
          </p:cNvGraphicFramePr>
          <p:nvPr>
            <p:extLst>
              <p:ext uri="{D42A27DB-BD31-4B8C-83A1-F6EECF244321}">
                <p14:modId xmlns:p14="http://schemas.microsoft.com/office/powerpoint/2010/main" val="125277677"/>
              </p:ext>
            </p:extLst>
          </p:nvPr>
        </p:nvGraphicFramePr>
        <p:xfrm>
          <a:off x="61960" y="1206792"/>
          <a:ext cx="8964486" cy="3581400"/>
        </p:xfrm>
        <a:graphic>
          <a:graphicData uri="http://schemas.openxmlformats.org/drawingml/2006/table">
            <a:tbl>
              <a:tblPr>
                <a:tableStyleId>{5C22544A-7EE6-4342-B048-85BDC9FD1C3A}</a:tableStyleId>
              </a:tblPr>
              <a:tblGrid>
                <a:gridCol w="521803">
                  <a:extLst>
                    <a:ext uri="{9D8B030D-6E8A-4147-A177-3AD203B41FA5}">
                      <a16:colId xmlns:a16="http://schemas.microsoft.com/office/drawing/2014/main" val="20000"/>
                    </a:ext>
                  </a:extLst>
                </a:gridCol>
                <a:gridCol w="8442683">
                  <a:extLst>
                    <a:ext uri="{9D8B030D-6E8A-4147-A177-3AD203B41FA5}">
                      <a16:colId xmlns:a16="http://schemas.microsoft.com/office/drawing/2014/main" val="20001"/>
                    </a:ext>
                  </a:extLst>
                </a:gridCol>
              </a:tblGrid>
              <a:tr h="554725">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0"/>
                  </a:ext>
                </a:extLst>
              </a:tr>
              <a:tr h="7100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　大阪府内</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阪市、八尾市、寝屋川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solidFill>
                      <a:schemeClr val="accent5">
                        <a:lumMod val="40000"/>
                        <a:lumOff val="60000"/>
                      </a:schemeClr>
                    </a:solidFill>
                  </a:tcPr>
                </a:tc>
                <a:extLst>
                  <a:ext uri="{0D108BD9-81ED-4DB2-BD59-A6C34878D82A}">
                    <a16:rowId xmlns:a16="http://schemas.microsoft.com/office/drawing/2014/main" val="10001"/>
                  </a:ext>
                </a:extLst>
              </a:tr>
              <a:tr h="865371">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1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　実施区域　大阪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守口市、枚方市、寝屋川市、箕面市、門真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大日本住友製薬株式会社）（</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2"/>
                  </a:ext>
                </a:extLst>
              </a:tr>
              <a:tr h="399402">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3"/>
                  </a:ext>
                </a:extLst>
              </a:tr>
              <a:tr h="205740">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4"/>
                  </a:ext>
                </a:extLst>
              </a:tr>
              <a:tr h="205740">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床規制に係る医療法の特例」（一般社団法人中之島アイセンター推進協議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用地下水の採取に係る特例」（大阪市）</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2699965917"/>
                  </a:ext>
                </a:extLst>
              </a:tr>
            </a:tbl>
          </a:graphicData>
        </a:graphic>
      </p:graphicFrame>
      <p:sp>
        <p:nvSpPr>
          <p:cNvPr id="68" name="角丸四角形 67"/>
          <p:cNvSpPr/>
          <p:nvPr/>
        </p:nvSpPr>
        <p:spPr>
          <a:xfrm>
            <a:off x="194345" y="4994575"/>
            <a:ext cx="356851" cy="193999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イメージ例</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4599523" y="4970213"/>
            <a:ext cx="3495675" cy="365721"/>
          </a:xfrm>
          <a:prstGeom prst="rect">
            <a:avLst/>
          </a:prstGeom>
          <a:noFill/>
          <a:ln>
            <a:noFill/>
          </a:ln>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lvl1pPr defTabSz="911225" eaLnBrk="0" hangingPunct="0">
              <a:defRPr kumimoji="1">
                <a:solidFill>
                  <a:schemeClr val="tx1"/>
                </a:solidFill>
                <a:latin typeface="Arial" pitchFamily="34" charset="0"/>
                <a:ea typeface="ＭＳ Ｐゴシック" pitchFamily="50" charset="-128"/>
              </a:defRPr>
            </a:lvl1pPr>
            <a:lvl2pPr marL="742950" indent="-285750" defTabSz="911225" eaLnBrk="0" hangingPunct="0">
              <a:defRPr kumimoji="1">
                <a:solidFill>
                  <a:schemeClr val="tx1"/>
                </a:solidFill>
                <a:latin typeface="Arial" pitchFamily="34" charset="0"/>
                <a:ea typeface="ＭＳ Ｐゴシック" pitchFamily="50" charset="-128"/>
              </a:defRPr>
            </a:lvl2pPr>
            <a:lvl3pPr marL="1143000" indent="-228600" defTabSz="911225" eaLnBrk="0" hangingPunct="0">
              <a:defRPr kumimoji="1">
                <a:solidFill>
                  <a:schemeClr val="tx1"/>
                </a:solidFill>
                <a:latin typeface="Arial" pitchFamily="34" charset="0"/>
                <a:ea typeface="ＭＳ Ｐゴシック" pitchFamily="50" charset="-128"/>
              </a:defRPr>
            </a:lvl3pPr>
            <a:lvl4pPr marL="1600200" indent="-228600" defTabSz="911225" eaLnBrk="0" hangingPunct="0">
              <a:defRPr kumimoji="1">
                <a:solidFill>
                  <a:schemeClr val="tx1"/>
                </a:solidFill>
                <a:latin typeface="Arial" pitchFamily="34" charset="0"/>
                <a:ea typeface="ＭＳ Ｐゴシック" pitchFamily="50" charset="-128"/>
              </a:defRPr>
            </a:lvl4pPr>
            <a:lvl5pPr marL="2057400" indent="-228600" defTabSz="911225" eaLnBrk="0" hangingPunct="0">
              <a:defRPr kumimoji="1">
                <a:solidFill>
                  <a:schemeClr val="tx1"/>
                </a:solidFill>
                <a:latin typeface="Arial" pitchFamily="34" charset="0"/>
                <a:ea typeface="ＭＳ Ｐゴシック" pitchFamily="50" charset="-128"/>
              </a:defRPr>
            </a:lvl5pPr>
            <a:lvl6pPr marL="25146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lnSpc>
                <a:spcPts val="1500"/>
              </a:lnSpc>
              <a:defRPr/>
            </a:pPr>
            <a:r>
              <a:rPr lang="ja-JP" altLang="en-US" sz="12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ja-JP" altLang="en-US" sz="1400" b="1" spc="-100"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公立国際教育学校</a:t>
            </a:r>
            <a:r>
              <a:rPr lang="ja-JP" altLang="en-US"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等管理事業</a:t>
            </a:r>
            <a:endParaRPr lang="en-US" altLang="ja-JP"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p:txBody>
      </p:sp>
      <p:sp>
        <p:nvSpPr>
          <p:cNvPr id="52" name="テキスト ボックス 36"/>
          <p:cNvSpPr txBox="1">
            <a:spLocks noChangeArrowheads="1"/>
          </p:cNvSpPr>
          <p:nvPr/>
        </p:nvSpPr>
        <p:spPr bwMode="auto">
          <a:xfrm>
            <a:off x="4757101" y="5252928"/>
            <a:ext cx="3706852" cy="2767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設置する中高一貫教育校の管理を民間事業者に委託</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4" name="Picture 4" descr="http://www.shigaku-risuu.com/img/eig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107434" y="5379695"/>
            <a:ext cx="713038" cy="462229"/>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http://www.sodegaura.ed.jp/ALT/report05.gif"/>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854908" y="5831498"/>
            <a:ext cx="853522" cy="538330"/>
          </a:xfrm>
          <a:prstGeom prst="rect">
            <a:avLst/>
          </a:prstGeom>
          <a:noFill/>
          <a:extLst>
            <a:ext uri="{909E8E84-426E-40DD-AFC4-6F175D3DCCD1}">
              <a14:hiddenFill xmlns:a14="http://schemas.microsoft.com/office/drawing/2010/main">
                <a:solidFill>
                  <a:srgbClr val="FFFFFF"/>
                </a:solidFill>
              </a14:hiddenFill>
            </a:ext>
          </a:extLst>
        </p:spPr>
      </p:pic>
      <p:sp>
        <p:nvSpPr>
          <p:cNvPr id="47" name="角丸四角形 46"/>
          <p:cNvSpPr/>
          <p:nvPr/>
        </p:nvSpPr>
        <p:spPr>
          <a:xfrm>
            <a:off x="170419" y="4725659"/>
            <a:ext cx="4045286"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4198868" y="4738058"/>
            <a:ext cx="4855375"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5</a:t>
            </a:fld>
            <a:endParaRPr lang="ja-JP" altLang="en-US" b="1" dirty="0"/>
          </a:p>
        </p:txBody>
      </p:sp>
      <p:sp>
        <p:nvSpPr>
          <p:cNvPr id="49" name="正方形/長方形 48"/>
          <p:cNvSpPr/>
          <p:nvPr/>
        </p:nvSpPr>
        <p:spPr>
          <a:xfrm>
            <a:off x="4697067" y="5462490"/>
            <a:ext cx="3520360" cy="900246"/>
          </a:xfrm>
          <a:prstGeom prst="rect">
            <a:avLst/>
          </a:prstGeom>
        </p:spPr>
        <p:txBody>
          <a:bodyPr wrap="square">
            <a:spAutoFit/>
          </a:bodyPr>
          <a:lstStyle/>
          <a:p>
            <a:pPr>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　 　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４月</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所 在 地：大阪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住之江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南港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入学定員：中学校</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から</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部入学</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名、内部進学</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名）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36"/>
          <p:cNvSpPr txBox="1">
            <a:spLocks noChangeArrowheads="1"/>
          </p:cNvSpPr>
          <p:nvPr/>
        </p:nvSpPr>
        <p:spPr bwMode="auto">
          <a:xfrm>
            <a:off x="4840359" y="6381328"/>
            <a:ext cx="3895230" cy="360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0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国際バカロレア・ディプロマプログラム</a:t>
            </a:r>
            <a:r>
              <a:rPr lang="en-US" altLang="ja-JP" sz="1000" b="1" baseline="30000"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p>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ja-JP" altLang="en-US" sz="7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月よりプログラム開始）</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6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p>
          <a:p>
            <a:pPr marL="0" indent="0"/>
            <a:endPar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1793277"/>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85444" y="63624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財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り、中国・韓国の実効税率よりも低く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税制度をベースに試算。諸条件を満たした企業が立地した場合）</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768">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連データ</a:t>
            </a:r>
          </a:p>
        </p:txBody>
      </p:sp>
      <p:sp>
        <p:nvSpPr>
          <p:cNvPr id="2" name="スライド番号プレースホルダー 1"/>
          <p:cNvSpPr>
            <a:spLocks noGrp="1"/>
          </p:cNvSpPr>
          <p:nvPr>
            <p:ph type="sldNum" sz="quarter" idx="12"/>
          </p:nvPr>
        </p:nvSpPr>
        <p:spPr>
          <a:xfrm>
            <a:off x="8374900" y="6622835"/>
            <a:ext cx="745305" cy="215464"/>
          </a:xfrm>
        </p:spPr>
        <p:txBody>
          <a:bodyPr/>
          <a:lstStyle/>
          <a:p>
            <a:pPr>
              <a:defRPr/>
            </a:pPr>
            <a:fld id="{4AC9B83D-17C3-4F2E-B0BA-D155CD364A7C}" type="slidenum">
              <a:rPr lang="ja-JP" altLang="en-US" smtClean="0"/>
              <a:pPr>
                <a:defRPr/>
              </a:pPr>
              <a:t>86</a:t>
            </a:fld>
            <a:endParaRPr lang="ja-JP" altLang="en-US" dirty="0"/>
          </a:p>
        </p:txBody>
      </p:sp>
      <p:sp>
        <p:nvSpPr>
          <p:cNvPr id="8" name="テキスト ボックス 1"/>
          <p:cNvSpPr txBox="1"/>
          <p:nvPr/>
        </p:nvSpPr>
        <p:spPr>
          <a:xfrm>
            <a:off x="179528" y="6391917"/>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国家戦略特区における課税の特例（所得控除）の適用を受け</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　 府</a:t>
            </a:r>
            <a:r>
              <a:rPr lang="ja-JP" altLang="en-US" sz="1300" dirty="0">
                <a:latin typeface="Meiryo UI" panose="020B0604030504040204" pitchFamily="50" charset="-128"/>
                <a:ea typeface="Meiryo UI" panose="020B0604030504040204" pitchFamily="50" charset="-128"/>
              </a:rPr>
              <a:t>の成長特区税制</a:t>
            </a:r>
            <a:r>
              <a:rPr lang="ja-JP" altLang="en-US" sz="1300" dirty="0" smtClean="0">
                <a:latin typeface="Meiryo UI" panose="020B0604030504040204" pitchFamily="50" charset="-128"/>
                <a:ea typeface="Meiryo UI" panose="020B0604030504040204" pitchFamily="50" charset="-128"/>
              </a:rPr>
              <a:t>及び軽減</a:t>
            </a:r>
            <a:r>
              <a:rPr lang="ja-JP" altLang="en-US" sz="1300" dirty="0">
                <a:latin typeface="Meiryo UI" panose="020B0604030504040204" pitchFamily="50" charset="-128"/>
                <a:ea typeface="Meiryo UI" panose="020B0604030504040204" pitchFamily="50" charset="-128"/>
              </a:rPr>
              <a:t>税制を行っている市町村の課税の特例の適用を受けた最大の率</a:t>
            </a:r>
          </a:p>
        </p:txBody>
      </p:sp>
      <p:grpSp>
        <p:nvGrpSpPr>
          <p:cNvPr id="10" name="グループ化 9"/>
          <p:cNvGrpSpPr/>
          <p:nvPr/>
        </p:nvGrpSpPr>
        <p:grpSpPr>
          <a:xfrm>
            <a:off x="427823" y="2824385"/>
            <a:ext cx="8216348" cy="3679357"/>
            <a:chOff x="366713" y="908050"/>
            <a:chExt cx="8497887" cy="4681538"/>
          </a:xfrm>
        </p:grpSpPr>
        <p:graphicFrame>
          <p:nvGraphicFramePr>
            <p:cNvPr id="11" name="グラフ 3"/>
            <p:cNvGraphicFramePr>
              <a:graphicFrameLocks/>
            </p:cNvGraphicFramePr>
            <p:nvPr>
              <p:extLst>
                <p:ext uri="{D42A27DB-BD31-4B8C-83A1-F6EECF244321}">
                  <p14:modId xmlns:p14="http://schemas.microsoft.com/office/powerpoint/2010/main" val="3235920782"/>
                </p:ext>
              </p:extLst>
            </p:nvPr>
          </p:nvGraphicFramePr>
          <p:xfrm>
            <a:off x="366713" y="908050"/>
            <a:ext cx="8497887" cy="4681538"/>
          </p:xfrm>
          <a:graphic>
            <a:graphicData uri="http://schemas.openxmlformats.org/drawingml/2006/chart">
              <c:chart xmlns:c="http://schemas.openxmlformats.org/drawingml/2006/chart" xmlns:r="http://schemas.openxmlformats.org/officeDocument/2006/relationships" r:id="rId3"/>
            </a:graphicData>
          </a:graphic>
        </p:graphicFrame>
        <p:sp>
          <p:nvSpPr>
            <p:cNvPr id="14" name="円/楕円 8"/>
            <p:cNvSpPr/>
            <p:nvPr/>
          </p:nvSpPr>
          <p:spPr>
            <a:xfrm>
              <a:off x="5347582" y="2225479"/>
              <a:ext cx="368919" cy="1862027"/>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課税特例</a:t>
              </a:r>
              <a:endPar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object 147"/>
            <p:cNvSpPr txBox="1"/>
            <p:nvPr/>
          </p:nvSpPr>
          <p:spPr>
            <a:xfrm>
              <a:off x="1394982" y="4228708"/>
              <a:ext cx="567237" cy="822378"/>
            </a:xfrm>
            <a:prstGeom prst="rect">
              <a:avLst/>
            </a:prstGeom>
          </p:spPr>
          <p:txBody>
            <a:bodyPr vert="horz" wrap="square" lIns="0" tIns="0" rIns="0" bIns="0" rtlCol="0">
              <a:spAutoFit/>
            </a:bodyPr>
            <a:lstStyle/>
            <a:p>
              <a:pPr marL="12700" lvl="0"/>
              <a:r>
                <a:rPr lang="en-US" altLang="ja-JP" sz="1200" b="1" spc="75" dirty="0" smtClean="0">
                  <a:solidFill>
                    <a:srgbClr val="58595B"/>
                  </a:solidFill>
                  <a:latin typeface="Yu Gothic"/>
                  <a:cs typeface="Yu Gothic"/>
                </a:rPr>
                <a:t>29.90</a:t>
              </a:r>
              <a:endParaRPr lang="en-US" altLang="ja-JP" dirty="0">
                <a:solidFill>
                  <a:prstClr val="black"/>
                </a:solidFill>
                <a:latin typeface="Yu Gothic"/>
                <a:cs typeface="Yu Gothic"/>
              </a:endParaRPr>
            </a:p>
            <a:p>
              <a:pPr marL="12700"/>
              <a:endParaRPr lang="en-US" altLang="ja-JP" sz="1200" b="1" dirty="0">
                <a:latin typeface="Yu Gothic"/>
                <a:cs typeface="Yu Gothic"/>
              </a:endParaRPr>
            </a:p>
            <a:p>
              <a:pPr marL="12700">
                <a:lnSpc>
                  <a:spcPct val="100000"/>
                </a:lnSpc>
              </a:pPr>
              <a:endParaRPr b="1" dirty="0">
                <a:latin typeface="Yu Gothic"/>
                <a:cs typeface="Yu Gothic"/>
              </a:endParaRPr>
            </a:p>
          </p:txBody>
        </p:sp>
        <p:sp>
          <p:nvSpPr>
            <p:cNvPr id="22" name="object 151"/>
            <p:cNvSpPr txBox="1"/>
            <p:nvPr/>
          </p:nvSpPr>
          <p:spPr>
            <a:xfrm>
              <a:off x="2875823" y="4228704"/>
              <a:ext cx="706867" cy="234965"/>
            </a:xfrm>
            <a:prstGeom prst="rect">
              <a:avLst/>
            </a:prstGeom>
          </p:spPr>
          <p:txBody>
            <a:bodyPr vert="horz" wrap="square" lIns="0" tIns="0" rIns="0" bIns="0" rtlCol="0">
              <a:spAutoFit/>
            </a:bodyPr>
            <a:lstStyle/>
            <a:p>
              <a:pPr marL="12700">
                <a:lnSpc>
                  <a:spcPct val="100000"/>
                </a:lnSpc>
              </a:pPr>
              <a:r>
                <a:rPr lang="en-US" altLang="ja-JP" sz="1200" b="1" spc="75" dirty="0">
                  <a:solidFill>
                    <a:srgbClr val="58595B"/>
                  </a:solidFill>
                  <a:latin typeface="Yu Gothic"/>
                  <a:cs typeface="Yu Gothic"/>
                </a:rPr>
                <a:t>28.00</a:t>
              </a:r>
              <a:endParaRPr dirty="0">
                <a:latin typeface="Yu Gothic"/>
                <a:cs typeface="Yu Gothic"/>
              </a:endParaRPr>
            </a:p>
          </p:txBody>
        </p:sp>
        <p:sp>
          <p:nvSpPr>
            <p:cNvPr id="23" name="object 170"/>
            <p:cNvSpPr txBox="1"/>
            <p:nvPr/>
          </p:nvSpPr>
          <p:spPr>
            <a:xfrm>
              <a:off x="3785165" y="4228707"/>
              <a:ext cx="715616" cy="234965"/>
            </a:xfrm>
            <a:prstGeom prst="rect">
              <a:avLst/>
            </a:prstGeom>
          </p:spPr>
          <p:txBody>
            <a:bodyPr vert="horz" wrap="square" lIns="0" tIns="0" rIns="0" bIns="0" rtlCol="0">
              <a:spAutoFit/>
            </a:bodyPr>
            <a:lstStyle/>
            <a:p>
              <a:pPr marL="12700">
                <a:lnSpc>
                  <a:spcPct val="100000"/>
                </a:lnSpc>
              </a:pPr>
              <a:r>
                <a:rPr sz="1200" b="1" spc="75" dirty="0" smtClean="0">
                  <a:solidFill>
                    <a:srgbClr val="58595B"/>
                  </a:solidFill>
                  <a:latin typeface="Yu Gothic"/>
                  <a:cs typeface="Yu Gothic"/>
                </a:rPr>
                <a:t>2</a:t>
              </a:r>
              <a:r>
                <a:rPr lang="en-US" sz="1200" b="1" spc="75" dirty="0" smtClean="0">
                  <a:solidFill>
                    <a:srgbClr val="58595B"/>
                  </a:solidFill>
                  <a:latin typeface="Yu Gothic"/>
                  <a:cs typeface="Yu Gothic"/>
                </a:rPr>
                <a:t>7.98</a:t>
              </a:r>
              <a:endParaRPr dirty="0">
                <a:latin typeface="Yu Gothic"/>
                <a:cs typeface="Yu Gothic"/>
              </a:endParaRPr>
            </a:p>
          </p:txBody>
        </p:sp>
        <p:sp>
          <p:nvSpPr>
            <p:cNvPr id="24" name="object 174"/>
            <p:cNvSpPr txBox="1"/>
            <p:nvPr/>
          </p:nvSpPr>
          <p:spPr>
            <a:xfrm>
              <a:off x="4553022" y="4228706"/>
              <a:ext cx="661136" cy="234965"/>
            </a:xfrm>
            <a:prstGeom prst="rect">
              <a:avLst/>
            </a:prstGeom>
          </p:spPr>
          <p:txBody>
            <a:bodyPr vert="horz" wrap="square" lIns="0" tIns="0" rIns="0" bIns="0" rtlCol="0">
              <a:spAutoFit/>
            </a:bodyPr>
            <a:lstStyle/>
            <a:p>
              <a:pPr marL="12700">
                <a:lnSpc>
                  <a:spcPct val="100000"/>
                </a:lnSpc>
              </a:pPr>
              <a:r>
                <a:rPr sz="1200" b="1" spc="75" dirty="0" smtClean="0">
                  <a:latin typeface="Yu Gothic"/>
                  <a:cs typeface="Yu Gothic"/>
                </a:rPr>
                <a:t>2</a:t>
              </a:r>
              <a:r>
                <a:rPr lang="en-US" sz="1200" b="1" spc="75" dirty="0" smtClean="0">
                  <a:latin typeface="Yu Gothic"/>
                  <a:cs typeface="Yu Gothic"/>
                </a:rPr>
                <a:t>6</a:t>
              </a:r>
              <a:r>
                <a:rPr sz="1200" b="1" spc="75" dirty="0" smtClean="0">
                  <a:latin typeface="Yu Gothic"/>
                  <a:cs typeface="Yu Gothic"/>
                </a:rPr>
                <a:t>.</a:t>
              </a:r>
              <a:r>
                <a:rPr lang="en-US" sz="1200" b="1" spc="75" dirty="0" smtClean="0">
                  <a:latin typeface="Yu Gothic"/>
                  <a:cs typeface="Yu Gothic"/>
                </a:rPr>
                <a:t>5</a:t>
              </a:r>
              <a:r>
                <a:rPr sz="1200" b="1" spc="75" dirty="0" smtClean="0">
                  <a:latin typeface="Yu Gothic"/>
                  <a:cs typeface="Yu Gothic"/>
                </a:rPr>
                <a:t>0</a:t>
              </a:r>
              <a:endParaRPr sz="1200" dirty="0">
                <a:latin typeface="Yu Gothic"/>
                <a:cs typeface="Yu Gothic"/>
              </a:endParaRPr>
            </a:p>
          </p:txBody>
        </p:sp>
        <p:sp>
          <p:nvSpPr>
            <p:cNvPr id="25" name="object 159"/>
            <p:cNvSpPr txBox="1"/>
            <p:nvPr/>
          </p:nvSpPr>
          <p:spPr>
            <a:xfrm>
              <a:off x="5346762" y="1419106"/>
              <a:ext cx="641266" cy="274127"/>
            </a:xfrm>
            <a:prstGeom prst="rect">
              <a:avLst/>
            </a:prstGeom>
          </p:spPr>
          <p:txBody>
            <a:bodyPr vert="horz" wrap="square" lIns="0" tIns="0" rIns="0" bIns="0" rtlCol="0">
              <a:spAutoFit/>
            </a:bodyPr>
            <a:lstStyle/>
            <a:p>
              <a:pPr marL="12700">
                <a:lnSpc>
                  <a:spcPct val="100000"/>
                </a:lnSpc>
              </a:pPr>
              <a:r>
                <a:rPr lang="en-US" sz="1400" b="1" spc="75" dirty="0" smtClean="0">
                  <a:latin typeface="Yu Gothic"/>
                  <a:cs typeface="Yu Gothic"/>
                </a:rPr>
                <a:t>24</a:t>
              </a:r>
              <a:r>
                <a:rPr sz="1400" b="1" spc="75" dirty="0" smtClean="0">
                  <a:latin typeface="Yu Gothic"/>
                  <a:cs typeface="Yu Gothic"/>
                </a:rPr>
                <a:t>.</a:t>
              </a:r>
              <a:r>
                <a:rPr lang="en-US" sz="1400" b="1" spc="75" dirty="0" smtClean="0">
                  <a:latin typeface="Yu Gothic"/>
                  <a:cs typeface="Yu Gothic"/>
                </a:rPr>
                <a:t>49</a:t>
              </a:r>
              <a:endParaRPr sz="1100" dirty="0">
                <a:latin typeface="Yu Gothic"/>
                <a:cs typeface="Yu Gothic"/>
              </a:endParaRPr>
            </a:p>
          </p:txBody>
        </p:sp>
        <p:sp>
          <p:nvSpPr>
            <p:cNvPr id="26" name="object 178"/>
            <p:cNvSpPr txBox="1"/>
            <p:nvPr/>
          </p:nvSpPr>
          <p:spPr>
            <a:xfrm>
              <a:off x="6161610" y="4228704"/>
              <a:ext cx="611326" cy="234965"/>
            </a:xfrm>
            <a:prstGeom prst="rect">
              <a:avLst/>
            </a:prstGeom>
          </p:spPr>
          <p:txBody>
            <a:bodyPr vert="horz" wrap="square" lIns="0" tIns="0" rIns="0" bIns="0" rtlCol="0">
              <a:spAutoFit/>
            </a:bodyPr>
            <a:lstStyle/>
            <a:p>
              <a:pPr marL="12700">
                <a:lnSpc>
                  <a:spcPct val="100000"/>
                </a:lnSpc>
              </a:pPr>
              <a:r>
                <a:rPr sz="1200" b="1" spc="75" dirty="0" smtClean="0">
                  <a:latin typeface="Yu Gothic"/>
                  <a:cs typeface="Yu Gothic"/>
                </a:rPr>
                <a:t>24.</a:t>
              </a:r>
              <a:r>
                <a:rPr lang="en-US" sz="1200" b="1" spc="75" dirty="0" smtClean="0">
                  <a:latin typeface="Yu Gothic"/>
                  <a:cs typeface="Yu Gothic"/>
                </a:rPr>
                <a:t>0</a:t>
              </a:r>
              <a:r>
                <a:rPr sz="1200" b="1" spc="75" dirty="0" smtClean="0">
                  <a:latin typeface="Yu Gothic"/>
                  <a:cs typeface="Yu Gothic"/>
                </a:rPr>
                <a:t>0</a:t>
              </a:r>
              <a:endParaRPr dirty="0">
                <a:latin typeface="Yu Gothic"/>
                <a:cs typeface="Yu Gothic"/>
              </a:endParaRPr>
            </a:p>
          </p:txBody>
        </p:sp>
        <p:sp>
          <p:nvSpPr>
            <p:cNvPr id="27" name="object 178"/>
            <p:cNvSpPr txBox="1"/>
            <p:nvPr/>
          </p:nvSpPr>
          <p:spPr>
            <a:xfrm>
              <a:off x="6826520" y="1693733"/>
              <a:ext cx="976640" cy="352448"/>
            </a:xfrm>
            <a:prstGeom prst="rect">
              <a:avLst/>
            </a:prstGeom>
          </p:spPr>
          <p:txBody>
            <a:bodyPr vert="horz" wrap="square" lIns="0" tIns="0" rIns="0" bIns="0" rtlCol="0">
              <a:spAutoFit/>
            </a:bodyPr>
            <a:lstStyle/>
            <a:p>
              <a:pPr marL="12700">
                <a:lnSpc>
                  <a:spcPct val="100000"/>
                </a:lnSpc>
              </a:pPr>
              <a:r>
                <a:rPr b="1" u="sng" spc="75" dirty="0" smtClean="0">
                  <a:latin typeface="Yu Gothic"/>
                  <a:cs typeface="Yu Gothic"/>
                </a:rPr>
                <a:t>2</a:t>
              </a:r>
              <a:r>
                <a:rPr lang="en-US" b="1" u="sng" spc="75" dirty="0" smtClean="0">
                  <a:latin typeface="Yu Gothic"/>
                  <a:cs typeface="Yu Gothic"/>
                </a:rPr>
                <a:t>2.49</a:t>
              </a:r>
              <a:r>
                <a:rPr lang="en-US" altLang="ja-JP" sz="600" b="1" u="sng" spc="75" dirty="0" smtClean="0">
                  <a:latin typeface="Yu Gothic"/>
                  <a:cs typeface="Yu Gothic"/>
                </a:rPr>
                <a:t>(※)</a:t>
              </a:r>
              <a:endParaRPr u="sng" dirty="0">
                <a:latin typeface="Yu Gothic"/>
                <a:cs typeface="Yu Gothic"/>
              </a:endParaRPr>
            </a:p>
          </p:txBody>
        </p:sp>
        <p:sp>
          <p:nvSpPr>
            <p:cNvPr id="28" name="object 178"/>
            <p:cNvSpPr txBox="1"/>
            <p:nvPr/>
          </p:nvSpPr>
          <p:spPr>
            <a:xfrm>
              <a:off x="7720387" y="4243435"/>
              <a:ext cx="611326" cy="234965"/>
            </a:xfrm>
            <a:prstGeom prst="rect">
              <a:avLst/>
            </a:prstGeom>
          </p:spPr>
          <p:txBody>
            <a:bodyPr vert="horz" wrap="square" lIns="0" tIns="0" rIns="0" bIns="0" rtlCol="0">
              <a:spAutoFit/>
            </a:bodyPr>
            <a:lstStyle/>
            <a:p>
              <a:pPr marL="12700">
                <a:lnSpc>
                  <a:spcPct val="100000"/>
                </a:lnSpc>
              </a:pPr>
              <a:r>
                <a:rPr lang="en-US" sz="1200" b="1" spc="75" dirty="0" smtClean="0">
                  <a:latin typeface="Yu Gothic"/>
                  <a:cs typeface="Yu Gothic"/>
                </a:rPr>
                <a:t>19</a:t>
              </a:r>
              <a:r>
                <a:rPr sz="1200" b="1" spc="75" dirty="0" smtClean="0">
                  <a:latin typeface="Yu Gothic"/>
                  <a:cs typeface="Yu Gothic"/>
                </a:rPr>
                <a:t>.</a:t>
              </a:r>
              <a:r>
                <a:rPr lang="en-US" sz="1200" b="1" spc="75" dirty="0" smtClean="0">
                  <a:latin typeface="Yu Gothic"/>
                  <a:cs typeface="Yu Gothic"/>
                </a:rPr>
                <a:t>00</a:t>
              </a:r>
              <a:endParaRPr sz="1200" dirty="0">
                <a:latin typeface="Yu Gothic"/>
                <a:cs typeface="Yu Gothic"/>
              </a:endParaRPr>
            </a:p>
          </p:txBody>
        </p:sp>
      </p:grpSp>
      <p:sp>
        <p:nvSpPr>
          <p:cNvPr id="31" name="円/楕円 29"/>
          <p:cNvSpPr/>
          <p:nvPr/>
        </p:nvSpPr>
        <p:spPr>
          <a:xfrm>
            <a:off x="6746627" y="4002761"/>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成長特区</a:t>
            </a:r>
            <a:endParaRPr lang="en-US" altLang="ja-JP"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a:endCxn id="6" idx="0"/>
          </p:cNvCxnSpPr>
          <p:nvPr/>
        </p:nvCxnSpPr>
        <p:spPr>
          <a:xfrm>
            <a:off x="2471714" y="3447219"/>
            <a:ext cx="3030037" cy="3031"/>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5647127" y="3746100"/>
            <a:ext cx="1350021" cy="3459"/>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4550446" y="5840906"/>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p>
        </p:txBody>
      </p:sp>
      <p:sp>
        <p:nvSpPr>
          <p:cNvPr id="35" name="正方形/長方形 34"/>
          <p:cNvSpPr/>
          <p:nvPr/>
        </p:nvSpPr>
        <p:spPr>
          <a:xfrm rot="18924040">
            <a:off x="5974180" y="5891272"/>
            <a:ext cx="1128308" cy="241528"/>
          </a:xfrm>
          <a:prstGeom prst="rect">
            <a:avLst/>
          </a:prstGeom>
          <a:solidFill>
            <a:schemeClr val="bg1"/>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sz="1400"/>
          </a:p>
        </p:txBody>
      </p:sp>
      <p:sp>
        <p:nvSpPr>
          <p:cNvPr id="43" name="屈折矢印 42"/>
          <p:cNvSpPr/>
          <p:nvPr/>
        </p:nvSpPr>
        <p:spPr>
          <a:xfrm>
            <a:off x="5496447" y="2793441"/>
            <a:ext cx="690781" cy="862045"/>
          </a:xfrm>
          <a:prstGeom prst="bentUpArrow">
            <a:avLst>
              <a:gd name="adj1" fmla="val 1969"/>
              <a:gd name="adj2" fmla="val 25000"/>
              <a:gd name="adj3" fmla="val 42360"/>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角丸四角形 39"/>
          <p:cNvSpPr/>
          <p:nvPr/>
        </p:nvSpPr>
        <p:spPr>
          <a:xfrm>
            <a:off x="5534154" y="2794054"/>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HGSｺﾞｼｯｸM" panose="020B0600000000000000" pitchFamily="50" charset="-128"/>
                <a:ea typeface="HGSｺﾞｼｯｸM" panose="020B0600000000000000" pitchFamily="50" charset="-128"/>
              </a:rPr>
              <a:t>国の支援</a:t>
            </a:r>
            <a:endParaRPr kumimoji="1" lang="ja-JP" altLang="en-US" sz="1400" b="1" dirty="0">
              <a:solidFill>
                <a:schemeClr val="bg1"/>
              </a:solidFill>
              <a:latin typeface="HGSｺﾞｼｯｸM" panose="020B0600000000000000" pitchFamily="50" charset="-128"/>
              <a:ea typeface="HGSｺﾞｼｯｸM" panose="020B0600000000000000" pitchFamily="50" charset="-128"/>
            </a:endParaRPr>
          </a:p>
        </p:txBody>
      </p:sp>
      <p:sp>
        <p:nvSpPr>
          <p:cNvPr id="6" name="下矢印 5"/>
          <p:cNvSpPr/>
          <p:nvPr/>
        </p:nvSpPr>
        <p:spPr>
          <a:xfrm>
            <a:off x="5376405" y="3450250"/>
            <a:ext cx="250692" cy="379209"/>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屈折矢印 43"/>
          <p:cNvSpPr/>
          <p:nvPr/>
        </p:nvSpPr>
        <p:spPr>
          <a:xfrm>
            <a:off x="6997148" y="2991979"/>
            <a:ext cx="866871" cy="876337"/>
          </a:xfrm>
          <a:prstGeom prst="bentUpArrow">
            <a:avLst>
              <a:gd name="adj1" fmla="val 1845"/>
              <a:gd name="adj2" fmla="val 25000"/>
              <a:gd name="adj3" fmla="val 37723"/>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下矢印 32"/>
          <p:cNvSpPr/>
          <p:nvPr/>
        </p:nvSpPr>
        <p:spPr>
          <a:xfrm>
            <a:off x="6866802" y="3746099"/>
            <a:ext cx="278162" cy="179593"/>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角丸四角形 41"/>
          <p:cNvSpPr/>
          <p:nvPr/>
        </p:nvSpPr>
        <p:spPr>
          <a:xfrm>
            <a:off x="6849333" y="2779179"/>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HGSｺﾞｼｯｸM" panose="020B0600000000000000" pitchFamily="50" charset="-128"/>
                <a:ea typeface="HGSｺﾞｼｯｸM" panose="020B0600000000000000" pitchFamily="50" charset="-128"/>
              </a:rPr>
              <a:t>府及び府内関係市町村による独自支援</a:t>
            </a:r>
          </a:p>
        </p:txBody>
      </p:sp>
      <p:sp>
        <p:nvSpPr>
          <p:cNvPr id="45" name="正方形/長方形 44"/>
          <p:cNvSpPr/>
          <p:nvPr/>
        </p:nvSpPr>
        <p:spPr>
          <a:xfrm rot="18924040">
            <a:off x="6527819" y="5639513"/>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dirty="0" smtClean="0">
                <a:solidFill>
                  <a:schemeClr val="tx1"/>
                </a:solidFill>
                <a:latin typeface="HGPｺﾞｼｯｸE" panose="020B0900000000000000" pitchFamily="50" charset="-128"/>
                <a:ea typeface="HGPｺﾞｼｯｸE" panose="020B0900000000000000" pitchFamily="50" charset="-128"/>
              </a:rPr>
              <a:t>大阪</a:t>
            </a:r>
            <a:endParaRPr lang="ja-JP" sz="1400"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428960726"/>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507350"/>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洋経済新報社「外資系企業総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6" name="正方形/長方形 15"/>
          <p:cNvSpPr/>
          <p:nvPr/>
        </p:nvSpPr>
        <p:spPr>
          <a:xfrm>
            <a:off x="170278" y="959242"/>
            <a:ext cx="8928992" cy="14756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系企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減少。東京都の外資系企業数は、全国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集中の状態が続い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みられる。</a:t>
            </a:r>
          </a:p>
        </p:txBody>
      </p:sp>
      <p:graphicFrame>
        <p:nvGraphicFramePr>
          <p:cNvPr id="12" name="グラフ 11"/>
          <p:cNvGraphicFramePr>
            <a:graphicFrameLocks/>
          </p:cNvGraphicFramePr>
          <p:nvPr>
            <p:extLst>
              <p:ext uri="{D42A27DB-BD31-4B8C-83A1-F6EECF244321}">
                <p14:modId xmlns:p14="http://schemas.microsoft.com/office/powerpoint/2010/main" val="3818930069"/>
              </p:ext>
            </p:extLst>
          </p:nvPr>
        </p:nvGraphicFramePr>
        <p:xfrm>
          <a:off x="122671" y="2902853"/>
          <a:ext cx="8894473" cy="389227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40994000"/>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77844" y="595428"/>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誘致実績</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から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８割を</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占め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30690563"/>
              </p:ext>
            </p:extLst>
          </p:nvPr>
        </p:nvGraphicFramePr>
        <p:xfrm>
          <a:off x="179514" y="5047114"/>
          <a:ext cx="8712966" cy="1612980"/>
        </p:xfrm>
        <a:graphic>
          <a:graphicData uri="http://schemas.openxmlformats.org/drawingml/2006/table">
            <a:tbl>
              <a:tblPr firstRow="1" bandRow="1">
                <a:tableStyleId>{5C22544A-7EE6-4342-B048-85BDC9FD1C3A}</a:tableStyleId>
              </a:tblPr>
              <a:tblGrid>
                <a:gridCol w="2736302">
                  <a:extLst>
                    <a:ext uri="{9D8B030D-6E8A-4147-A177-3AD203B41FA5}">
                      <a16:colId xmlns:a16="http://schemas.microsoft.com/office/drawing/2014/main" val="20000"/>
                    </a:ext>
                  </a:extLst>
                </a:gridCol>
                <a:gridCol w="5976664">
                  <a:extLst>
                    <a:ext uri="{9D8B030D-6E8A-4147-A177-3AD203B41FA5}">
                      <a16:colId xmlns:a16="http://schemas.microsoft.com/office/drawing/2014/main" val="20001"/>
                    </a:ext>
                  </a:extLst>
                </a:gridCol>
              </a:tblGrid>
              <a:tr h="403245">
                <a:tc>
                  <a:txBody>
                    <a:bodyPr/>
                    <a:lstStyle/>
                    <a:p>
                      <a:r>
                        <a:rPr kumimoji="1" lang="en-US" altLang="ja-JP"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主な誘致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内容</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val="10000"/>
                  </a:ext>
                </a:extLst>
              </a:tr>
              <a:tr h="403245">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恒大新能源日本研究院</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チウムイオン電池、燃料電池及び材料・部品の試作、研究開発、生産販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03245">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BC Soldering Japan</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んだ付け機器とその周辺機器の輸入、輸出、販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403245">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AGR</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売業における自動化ソリューションの提供</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8</a:t>
            </a:fld>
            <a:endParaRPr lang="ja-JP" altLang="en-US" b="1" dirty="0"/>
          </a:p>
        </p:txBody>
      </p:sp>
      <p:graphicFrame>
        <p:nvGraphicFramePr>
          <p:cNvPr id="13" name="グラフ 12"/>
          <p:cNvGraphicFramePr>
            <a:graphicFrameLocks/>
          </p:cNvGraphicFramePr>
          <p:nvPr>
            <p:extLst/>
          </p:nvPr>
        </p:nvGraphicFramePr>
        <p:xfrm>
          <a:off x="107504" y="2467635"/>
          <a:ext cx="8928992" cy="267671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07291646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1520" y="764704"/>
            <a:ext cx="9145016" cy="615553"/>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成長率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製造業中分類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度をみると、「繊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印刷業」が減少に寄与したものの、それら以外で増加に寄与したため、製造業全体では、実質成長率に対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寄与することとな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a:t>
            </a:fld>
            <a:endParaRPr lang="ja-JP" altLang="en-US" b="1" dirty="0"/>
          </a:p>
        </p:txBody>
      </p:sp>
      <p:sp>
        <p:nvSpPr>
          <p:cNvPr id="15" name="テキスト ボックス 14"/>
          <p:cNvSpPr txBox="1"/>
          <p:nvPr/>
        </p:nvSpPr>
        <p:spPr>
          <a:xfrm>
            <a:off x="121296" y="2382629"/>
            <a:ext cx="157038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94539611"/>
              </p:ext>
            </p:extLst>
          </p:nvPr>
        </p:nvGraphicFramePr>
        <p:xfrm>
          <a:off x="121296" y="2619799"/>
          <a:ext cx="8793904" cy="419446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1723195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32750" y="5758125"/>
            <a:ext cx="5181076" cy="46166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796969" y="2047960"/>
            <a:ext cx="4548205" cy="677108"/>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場立地件数（新設・増設）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　令和元</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場立地動向調査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lvl="0" indent="-285737">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用地面積は減少傾向。令和元年の工場立地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から</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減少したものの、面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1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5h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37" lvl="0" indent="-285737">
              <a:buFont typeface="Wingdings" panose="05000000000000000000" pitchFamily="2" charset="2"/>
              <a:buChar char="p"/>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平成３０年６月より東京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31333" y="2489724"/>
            <a:ext cx="100811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768">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連データ</a:t>
            </a:r>
          </a:p>
        </p:txBody>
      </p:sp>
      <p:sp>
        <p:nvSpPr>
          <p:cNvPr id="16" name="正方形/長方形 15"/>
          <p:cNvSpPr/>
          <p:nvPr/>
        </p:nvSpPr>
        <p:spPr>
          <a:xfrm>
            <a:off x="83609" y="2072461"/>
            <a:ext cx="4416383" cy="492443"/>
          </a:xfrm>
          <a:prstGeom prst="rect">
            <a:avLst/>
          </a:prstGeom>
        </p:spPr>
        <p:txBody>
          <a:bodyPr wrap="square">
            <a:spAutoFit/>
          </a:bodyPr>
          <a:lstStyle/>
          <a:p>
            <a:pPr marL="177792" indent="-177792"/>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lvl="0" indent="-177792">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令和元</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6708" y="548694"/>
            <a:ext cx="8964487"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企業立地に</a:t>
            </a:r>
            <a:r>
              <a:rPr lang="ja-JP" altLang="en-US" dirty="0">
                <a:latin typeface="Meiryo UI" panose="020B0604030504040204" pitchFamily="50" charset="-128"/>
                <a:ea typeface="Meiryo UI" panose="020B0604030504040204" pitchFamily="50" charset="-128"/>
                <a:cs typeface="Meiryo UI" panose="020B0604030504040204" pitchFamily="50" charset="-128"/>
              </a:rPr>
              <a:t>関する大阪府内の動向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9</a:t>
            </a:fld>
            <a:endParaRPr lang="ja-JP" altLang="en-US" dirty="0"/>
          </a:p>
        </p:txBody>
      </p:sp>
      <p:graphicFrame>
        <p:nvGraphicFramePr>
          <p:cNvPr id="15" name="グラフ 14"/>
          <p:cNvGraphicFramePr>
            <a:graphicFrameLocks/>
          </p:cNvGraphicFramePr>
          <p:nvPr>
            <p:extLst>
              <p:ext uri="{D42A27DB-BD31-4B8C-83A1-F6EECF244321}">
                <p14:modId xmlns:p14="http://schemas.microsoft.com/office/powerpoint/2010/main" val="1776901664"/>
              </p:ext>
            </p:extLst>
          </p:nvPr>
        </p:nvGraphicFramePr>
        <p:xfrm>
          <a:off x="232750" y="2702621"/>
          <a:ext cx="4104456" cy="3020199"/>
        </p:xfrm>
        <a:graphic>
          <a:graphicData uri="http://schemas.openxmlformats.org/drawingml/2006/chart">
            <c:chart xmlns:c="http://schemas.openxmlformats.org/drawingml/2006/chart" xmlns:r="http://schemas.openxmlformats.org/officeDocument/2006/relationships" r:id="rId3"/>
          </a:graphicData>
        </a:graphic>
      </p:graphicFrame>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851742" y="2789381"/>
            <a:ext cx="4184754" cy="2870978"/>
          </a:xfrm>
          <a:prstGeom prst="rect">
            <a:avLst/>
          </a:prstGeom>
        </p:spPr>
      </p:pic>
    </p:spTree>
    <p:extLst>
      <p:ext uri="{BB962C8B-B14F-4D97-AF65-F5344CB8AC3E}">
        <p14:creationId xmlns:p14="http://schemas.microsoft.com/office/powerpoint/2010/main" val="1457062619"/>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90</a:t>
            </a:fld>
            <a:endParaRPr lang="ja-JP" altLang="en-US" dirty="0"/>
          </a:p>
        </p:txBody>
      </p:sp>
      <p:sp>
        <p:nvSpPr>
          <p:cNvPr id="21" name="正方形/長方形 10"/>
          <p:cNvSpPr>
            <a:spLocks noChangeArrowheads="1"/>
          </p:cNvSpPr>
          <p:nvPr/>
        </p:nvSpPr>
        <p:spPr bwMode="auto">
          <a:xfrm>
            <a:off x="143866" y="371448"/>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学術研究、専門・技術サービス業」や「生活関連サービス業、娯楽業」などで向上している一方、「情報通信業」では低下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情報通信業」や「学術研究、専門・技術サービス業」で労働生産性が向上。また愛知県では、「製造業」で大きく労働生産性が向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23763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4437692"/>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23990" y="2294698"/>
            <a:ext cx="9096020" cy="4590686"/>
          </a:xfrm>
          <a:prstGeom prst="rect">
            <a:avLst/>
          </a:prstGeom>
        </p:spPr>
      </p:pic>
    </p:spTree>
    <p:extLst>
      <p:ext uri="{BB962C8B-B14F-4D97-AF65-F5344CB8AC3E}">
        <p14:creationId xmlns:p14="http://schemas.microsoft.com/office/powerpoint/2010/main" val="39315287"/>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6512" y="367933"/>
            <a:ext cx="8424936" cy="684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製造業における中小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従業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の事業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動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工業統計表 地域別統計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現在、付加価値額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の実績</a:t>
            </a:r>
          </a:p>
        </p:txBody>
      </p:sp>
      <p:sp>
        <p:nvSpPr>
          <p:cNvPr id="23" name="正方形/長方形 22"/>
          <p:cNvSpPr/>
          <p:nvPr/>
        </p:nvSpPr>
        <p:spPr>
          <a:xfrm>
            <a:off x="101948" y="997354"/>
            <a:ext cx="8928992" cy="15675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3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後れを取る状況。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に付加価値額と事業所数をみると、一般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事業所ほど、付加価値額が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小さい傾向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事業所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が他の都市より多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のある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180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354574"/>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016" y="2511983"/>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1</a:t>
            </a:fld>
            <a:endParaRPr lang="ja-JP" altLang="en-US" dirty="0"/>
          </a:p>
        </p:txBody>
      </p:sp>
      <p:sp>
        <p:nvSpPr>
          <p:cNvPr id="19" name="テキスト ボックス 18"/>
          <p:cNvSpPr txBox="1"/>
          <p:nvPr/>
        </p:nvSpPr>
        <p:spPr>
          <a:xfrm>
            <a:off x="359532" y="6246604"/>
            <a:ext cx="8460940" cy="561692"/>
          </a:xfrm>
          <a:prstGeom prst="rect">
            <a:avLst/>
          </a:prstGeom>
          <a:noFill/>
          <a:ln>
            <a:solidFill>
              <a:schemeClr val="tx1"/>
            </a:solidFill>
          </a:ln>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価値</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従</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計算） </a:t>
            </a: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付加</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価値額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末在庫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初在庫額）＋（半製品及び仕掛品年末価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半製品及び仕掛品</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初価額）－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17994" y="4555977"/>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事業所）</a:t>
            </a:r>
            <a:endParaRPr kumimoji="1" lang="ja-JP" altLang="en-US" sz="900" dirty="0">
              <a:solidFill>
                <a:schemeClr val="tx1"/>
              </a:solidFill>
            </a:endParaRPr>
          </a:p>
        </p:txBody>
      </p:sp>
      <p:sp>
        <p:nvSpPr>
          <p:cNvPr id="37" name="正方形/長方形 36"/>
          <p:cNvSpPr/>
          <p:nvPr/>
        </p:nvSpPr>
        <p:spPr>
          <a:xfrm>
            <a:off x="4590002" y="2722427"/>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十億円）</a:t>
            </a:r>
            <a:endParaRPr kumimoji="1" lang="ja-JP" altLang="en-US" sz="900" dirty="0">
              <a:solidFill>
                <a:schemeClr val="tx1"/>
              </a:solidFill>
            </a:endParaRPr>
          </a:p>
        </p:txBody>
      </p:sp>
      <p:sp>
        <p:nvSpPr>
          <p:cNvPr id="39" name="テキスト ボックス 38"/>
          <p:cNvSpPr txBox="1"/>
          <p:nvPr/>
        </p:nvSpPr>
        <p:spPr>
          <a:xfrm>
            <a:off x="-36512" y="4591579"/>
            <a:ext cx="64807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91694" y="2763259"/>
            <a:ext cx="79295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013938" y="2775050"/>
            <a:ext cx="100811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028" y="4365104"/>
            <a:ext cx="473699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ext uri="{D42A27DB-BD31-4B8C-83A1-F6EECF244321}">
                <p14:modId xmlns:p14="http://schemas.microsoft.com/office/powerpoint/2010/main" val="852601747"/>
              </p:ext>
            </p:extLst>
          </p:nvPr>
        </p:nvGraphicFramePr>
        <p:xfrm>
          <a:off x="-2999" y="2626459"/>
          <a:ext cx="4716524" cy="185680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2" name="グラフ 31"/>
          <p:cNvGraphicFramePr>
            <a:graphicFrameLocks/>
          </p:cNvGraphicFramePr>
          <p:nvPr>
            <p:extLst>
              <p:ext uri="{D42A27DB-BD31-4B8C-83A1-F6EECF244321}">
                <p14:modId xmlns:p14="http://schemas.microsoft.com/office/powerpoint/2010/main" val="2392896398"/>
              </p:ext>
            </p:extLst>
          </p:nvPr>
        </p:nvGraphicFramePr>
        <p:xfrm>
          <a:off x="-15567" y="4687608"/>
          <a:ext cx="4564156" cy="159459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33" name="グラフ 32"/>
          <p:cNvGraphicFramePr>
            <a:graphicFrameLocks/>
          </p:cNvGraphicFramePr>
          <p:nvPr>
            <p:extLst>
              <p:ext uri="{D42A27DB-BD31-4B8C-83A1-F6EECF244321}">
                <p14:modId xmlns:p14="http://schemas.microsoft.com/office/powerpoint/2010/main" val="1699787368"/>
              </p:ext>
            </p:extLst>
          </p:nvPr>
        </p:nvGraphicFramePr>
        <p:xfrm>
          <a:off x="4765065" y="2837016"/>
          <a:ext cx="4408865" cy="164055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34" name="グラフ 33"/>
          <p:cNvGraphicFramePr>
            <a:graphicFrameLocks/>
          </p:cNvGraphicFramePr>
          <p:nvPr>
            <p:extLst>
              <p:ext uri="{D42A27DB-BD31-4B8C-83A1-F6EECF244321}">
                <p14:modId xmlns:p14="http://schemas.microsoft.com/office/powerpoint/2010/main" val="596290073"/>
              </p:ext>
            </p:extLst>
          </p:nvPr>
        </p:nvGraphicFramePr>
        <p:xfrm>
          <a:off x="4736779" y="4718206"/>
          <a:ext cx="4248178" cy="1538928"/>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3264375107"/>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0127" y="2207186"/>
            <a:ext cx="7828257" cy="677108"/>
          </a:xfrm>
          <a:prstGeom prst="rect">
            <a:avLst/>
          </a:prstGeom>
          <a:noFill/>
          <a:ln>
            <a:solidFill>
              <a:schemeClr val="accent1"/>
            </a:solidFill>
          </a:ln>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特化係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ある業種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いて、全国の製造品出荷額等の構成比に対する、各都道府県の当該業種の製造品出荷額等の構成比の比率。</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値が</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超えると、当該業種の構成比がその都道府県において相対的に高く、特化していることを示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0"/>
          <p:cNvSpPr>
            <a:spLocks noChangeArrowheads="1"/>
          </p:cNvSpPr>
          <p:nvPr/>
        </p:nvSpPr>
        <p:spPr bwMode="auto">
          <a:xfrm>
            <a:off x="155719" y="53406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en-US" dirty="0">
                <a:latin typeface="Meiryo UI" panose="020B0604030504040204" pitchFamily="50" charset="-128"/>
                <a:ea typeface="Meiryo UI" panose="020B0604030504040204" pitchFamily="50" charset="-128"/>
                <a:cs typeface="Meiryo UI" panose="020B0604030504040204" pitchFamily="50" charset="-128"/>
              </a:rPr>
              <a:t>人以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なにわの経済デー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5719" y="106838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は、突出して高い業種はなく、各業種がバランスよく集積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県では、東京都の「なめし革・同製品・毛皮製造業」「印刷・同関連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愛知県の「輸送用機械器具製造業」のように、特化係数の非常に高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業種が見ら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2</a:t>
            </a:fld>
            <a:endParaRPr lang="ja-JP" altLang="en-US" dirty="0"/>
          </a:p>
        </p:txBody>
      </p:sp>
      <p:pic>
        <p:nvPicPr>
          <p:cNvPr id="2" name="図 1"/>
          <p:cNvPicPr>
            <a:picLocks noChangeAspect="1"/>
          </p:cNvPicPr>
          <p:nvPr/>
        </p:nvPicPr>
        <p:blipFill>
          <a:blip r:embed="rId3"/>
          <a:stretch>
            <a:fillRect/>
          </a:stretch>
        </p:blipFill>
        <p:spPr>
          <a:xfrm>
            <a:off x="107504" y="3335377"/>
            <a:ext cx="2885781" cy="2511193"/>
          </a:xfrm>
          <a:prstGeom prst="rect">
            <a:avLst/>
          </a:prstGeom>
          <a:ln>
            <a:solidFill>
              <a:schemeClr val="tx1"/>
            </a:solidFill>
          </a:ln>
        </p:spPr>
      </p:pic>
      <p:pic>
        <p:nvPicPr>
          <p:cNvPr id="8" name="図 7"/>
          <p:cNvPicPr>
            <a:picLocks noChangeAspect="1"/>
          </p:cNvPicPr>
          <p:nvPr/>
        </p:nvPicPr>
        <p:blipFill>
          <a:blip r:embed="rId4"/>
          <a:stretch>
            <a:fillRect/>
          </a:stretch>
        </p:blipFill>
        <p:spPr>
          <a:xfrm>
            <a:off x="3131840" y="3335379"/>
            <a:ext cx="2880420" cy="2511191"/>
          </a:xfrm>
          <a:prstGeom prst="rect">
            <a:avLst/>
          </a:prstGeom>
          <a:ln>
            <a:solidFill>
              <a:schemeClr val="tx1"/>
            </a:solidFill>
          </a:ln>
        </p:spPr>
      </p:pic>
      <p:pic>
        <p:nvPicPr>
          <p:cNvPr id="9" name="図 8"/>
          <p:cNvPicPr>
            <a:picLocks noChangeAspect="1"/>
          </p:cNvPicPr>
          <p:nvPr/>
        </p:nvPicPr>
        <p:blipFill>
          <a:blip r:embed="rId5"/>
          <a:stretch>
            <a:fillRect/>
          </a:stretch>
        </p:blipFill>
        <p:spPr>
          <a:xfrm>
            <a:off x="6156176" y="3335378"/>
            <a:ext cx="2877783" cy="2511192"/>
          </a:xfrm>
          <a:prstGeom prst="rect">
            <a:avLst/>
          </a:prstGeom>
          <a:ln>
            <a:solidFill>
              <a:schemeClr val="tx1"/>
            </a:solidFill>
          </a:ln>
        </p:spPr>
      </p:pic>
    </p:spTree>
    <p:extLst>
      <p:ext uri="{BB962C8B-B14F-4D97-AF65-F5344CB8AC3E}">
        <p14:creationId xmlns:p14="http://schemas.microsoft.com/office/powerpoint/2010/main" val="3392270299"/>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4885765" y="315767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れ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製品は「大阪製ブランド製品」として大阪府をはじ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な支援機関等が実施するプロモーション活動によっ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757349" y="2881950"/>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おさかせい）ブラン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認定制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89276" y="3333668"/>
            <a:ext cx="586051" cy="759384"/>
          </a:xfrm>
          <a:prstGeom prst="rect">
            <a:avLst/>
          </a:prstGeom>
          <a:noFill/>
          <a:ln>
            <a:noFill/>
          </a:ln>
        </p:spPr>
      </p:pic>
      <p:sp>
        <p:nvSpPr>
          <p:cNvPr id="29" name="正方形/長方形 28"/>
          <p:cNvSpPr/>
          <p:nvPr/>
        </p:nvSpPr>
        <p:spPr>
          <a:xfrm>
            <a:off x="4910864" y="4830827"/>
            <a:ext cx="4150731" cy="1938992"/>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kern="100" dirty="0">
                <a:latin typeface="Meiryo UI" panose="020B0604030504040204" pitchFamily="50" charset="-128"/>
                <a:ea typeface="Meiryo UI" panose="020B0604030504040204" pitchFamily="50" charset="-128"/>
                <a:cs typeface="Courier New" panose="02070309020205020404" pitchFamily="49" charset="0"/>
              </a:rPr>
              <a:t>　</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新事業創出や</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新商品・サービスの開発など企業の課題解決に向けて「デザイン思考」（問題解決のプロセス）を踏まえた支援</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を行うこと</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により、中小企業のイノベーションを促進。</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総合相談</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中小企業の経営やデザインに関する課題</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を発見</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し、解決策のアドバイスから</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デザイナ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紹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っていま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デザインを経営に活かす人材を育成するために、デザイン思考や　</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ブランドなどに関するテーマを毎年設け、フォーラムやワークショップ</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
            </a:r>
            <a:b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b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を開催して</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います。</a:t>
            </a:r>
          </a:p>
        </p:txBody>
      </p:sp>
      <p:sp>
        <p:nvSpPr>
          <p:cNvPr id="16" name="正方形/長方形 15"/>
          <p:cNvSpPr/>
          <p:nvPr/>
        </p:nvSpPr>
        <p:spPr>
          <a:xfrm>
            <a:off x="40264" y="2990556"/>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の取組みについ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797117" y="4542668"/>
            <a:ext cx="4316657"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solidFill>
                  <a:schemeClr val="accent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デザインセンター事業</a:t>
            </a:r>
          </a:p>
          <a:p>
            <a:pPr marL="182563" indent="-182563"/>
            <a:endParaRPr lang="ja-JP" altLang="en-US" sz="14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3228" y="3513777"/>
            <a:ext cx="4679573" cy="279554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学公民金」の連携・協働により、府内ものづくり中小企業にとって最適なビジネス環境の整備を進め（土壌を耕し）、「変革と挑戦」に取り組む中小企業を応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基本を育てる）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賑耕”政策「大阪版エコノミックガーデニング（ＥＧおおさか）」に取り組んでい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2" descr="\\10.250.60.22\share\◆MOBIOロゴタイプ＜docﾌｫﾙﾀﾞと同じものです＞\切り抜きロゴ【MOBIO】\mobio_logo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34155" y="4781113"/>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10"/>
          <p:cNvSpPr>
            <a:spLocks noChangeArrowheads="1"/>
          </p:cNvSpPr>
          <p:nvPr/>
        </p:nvSpPr>
        <p:spPr bwMode="auto">
          <a:xfrm>
            <a:off x="72008" y="478867"/>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670" y="883110"/>
            <a:ext cx="8963824" cy="20184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支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財）大阪産業局、民間事業者が連携して、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を「大阪製ブランド」として認定しているほか、（地独）大阪産業技術研究所が行う取組を支援することにより、ものづくり産業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のづくり企業のマッチング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産性向上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して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ja-JP" sz="1600" dirty="0" smtClean="0">
                <a:solidFill>
                  <a:schemeClr val="tx1"/>
                </a:solidFill>
                <a:latin typeface="Meiryo UI" panose="020B0604030504040204" pitchFamily="50" charset="-128"/>
                <a:ea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rPr>
              <a:t>大阪府産業デザインセンター」の支援による新事業創出や製品・サービスの高付加価値化といったデザインイノベーションの促進によって、</a:t>
            </a:r>
            <a:r>
              <a:rPr lang="ja-JP" altLang="en-US" sz="1600" dirty="0">
                <a:solidFill>
                  <a:schemeClr val="tx1"/>
                </a:solidFill>
                <a:latin typeface="Meiryo UI" panose="020B0604030504040204" pitchFamily="50" charset="-128"/>
                <a:ea typeface="Meiryo UI" panose="020B0604030504040204" pitchFamily="50" charset="-128"/>
              </a:rPr>
              <a:t>中小企業</a:t>
            </a:r>
            <a:r>
              <a:rPr lang="ja-JP" altLang="ja-JP" sz="1600" dirty="0">
                <a:solidFill>
                  <a:schemeClr val="tx1"/>
                </a:solidFill>
                <a:latin typeface="Meiryo UI" panose="020B0604030504040204" pitchFamily="50" charset="-128"/>
                <a:ea typeface="Meiryo UI" panose="020B0604030504040204" pitchFamily="50" charset="-128"/>
              </a:rPr>
              <a:t>の更なる高度化を図る</a:t>
            </a:r>
            <a:r>
              <a:rPr lang="ja-JP" altLang="ja-JP" sz="1600" dirty="0" smtClean="0">
                <a:solidFill>
                  <a:schemeClr val="tx1"/>
                </a:solidFill>
                <a:latin typeface="Meiryo UI" panose="020B0604030504040204" pitchFamily="50" charset="-128"/>
                <a:ea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3</a:t>
            </a:fld>
            <a:endParaRPr lang="ja-JP" altLang="en-US" dirty="0"/>
          </a:p>
        </p:txBody>
      </p:sp>
      <p:pic>
        <p:nvPicPr>
          <p:cNvPr id="3" name="図 2"/>
          <p:cNvPicPr>
            <a:picLocks noChangeAspect="1"/>
          </p:cNvPicPr>
          <p:nvPr/>
        </p:nvPicPr>
        <p:blipFill>
          <a:blip r:embed="rId6"/>
          <a:stretch>
            <a:fillRect/>
          </a:stretch>
        </p:blipFill>
        <p:spPr>
          <a:xfrm>
            <a:off x="7929445" y="5291834"/>
            <a:ext cx="1107049" cy="329354"/>
          </a:xfrm>
          <a:prstGeom prst="rect">
            <a:avLst/>
          </a:prstGeom>
        </p:spPr>
      </p:pic>
      <p:sp>
        <p:nvSpPr>
          <p:cNvPr id="20" name="正方形/長方形 19"/>
          <p:cNvSpPr/>
          <p:nvPr/>
        </p:nvSpPr>
        <p:spPr>
          <a:xfrm>
            <a:off x="72008" y="6336558"/>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ab</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よる</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導入支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コンソーシアム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診断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マッチング等の実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343382" y="6377344"/>
            <a:ext cx="1217619" cy="219799"/>
          </a:xfrm>
          <a:prstGeom prst="rect">
            <a:avLst/>
          </a:prstGeom>
        </p:spPr>
      </p:pic>
    </p:spTree>
    <p:extLst>
      <p:ext uri="{BB962C8B-B14F-4D97-AF65-F5344CB8AC3E}">
        <p14:creationId xmlns:p14="http://schemas.microsoft.com/office/powerpoint/2010/main" val="862310785"/>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4" name="グラフ 13"/>
          <p:cNvGraphicFramePr>
            <a:graphicFrameLocks/>
          </p:cNvGraphicFramePr>
          <p:nvPr>
            <p:extLst>
              <p:ext uri="{D42A27DB-BD31-4B8C-83A1-F6EECF244321}">
                <p14:modId xmlns:p14="http://schemas.microsoft.com/office/powerpoint/2010/main" val="1486953174"/>
              </p:ext>
            </p:extLst>
          </p:nvPr>
        </p:nvGraphicFramePr>
        <p:xfrm>
          <a:off x="-378669" y="2272112"/>
          <a:ext cx="5256585" cy="436876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ext uri="{D42A27DB-BD31-4B8C-83A1-F6EECF244321}">
                <p14:modId xmlns:p14="http://schemas.microsoft.com/office/powerpoint/2010/main" val="4134931654"/>
              </p:ext>
            </p:extLst>
          </p:nvPr>
        </p:nvGraphicFramePr>
        <p:xfrm>
          <a:off x="4015478" y="2376073"/>
          <a:ext cx="5021018" cy="4321017"/>
        </p:xfrm>
        <a:graphic>
          <a:graphicData uri="http://schemas.openxmlformats.org/drawingml/2006/chart">
            <c:chart xmlns:c="http://schemas.openxmlformats.org/drawingml/2006/chart" xmlns:r="http://schemas.openxmlformats.org/officeDocument/2006/relationships" r:id="rId4"/>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4</a:t>
            </a:fld>
            <a:endParaRPr lang="ja-JP" altLang="en-US" dirty="0"/>
          </a:p>
        </p:txBody>
      </p:sp>
      <p:sp>
        <p:nvSpPr>
          <p:cNvPr id="21" name="正方形/長方形 10"/>
          <p:cNvSpPr>
            <a:spLocks noChangeArrowheads="1"/>
          </p:cNvSpPr>
          <p:nvPr/>
        </p:nvSpPr>
        <p:spPr bwMode="auto">
          <a:xfrm>
            <a:off x="112349" y="467039"/>
            <a:ext cx="8964486" cy="615553"/>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日本の</a:t>
            </a:r>
            <a:r>
              <a:rPr lang="en-US" altLang="ja-JP" dirty="0">
                <a:latin typeface="Meiryo UI" panose="020B0604030504040204" pitchFamily="50" charset="-128"/>
                <a:ea typeface="Meiryo UI" panose="020B0604030504040204" pitchFamily="50" charset="-128"/>
                <a:cs typeface="Meiryo UI" panose="020B0604030504040204" pitchFamily="50" charset="-128"/>
              </a:rPr>
              <a:t>ICT</a:t>
            </a:r>
            <a:r>
              <a:rPr lang="ja-JP" altLang="en-US" dirty="0">
                <a:latin typeface="Meiryo UI" panose="020B0604030504040204" pitchFamily="50" charset="-128"/>
                <a:ea typeface="Meiryo UI" panose="020B0604030504040204" pitchFamily="50" charset="-128"/>
                <a:cs typeface="Meiryo UI" panose="020B0604030504040204" pitchFamily="50" charset="-128"/>
              </a:rPr>
              <a:t>産業の動向（情報通信産業の実質</a:t>
            </a:r>
            <a:r>
              <a:rPr lang="en-US" altLang="ja-JP" dirty="0">
                <a:latin typeface="Meiryo UI" panose="020B0604030504040204" pitchFamily="50" charset="-128"/>
                <a:ea typeface="Meiryo UI" panose="020B0604030504040204" pitchFamily="50" charset="-128"/>
                <a:cs typeface="Meiryo UI" panose="020B0604030504040204" pitchFamily="50" charset="-128"/>
              </a:rPr>
              <a:t>GDP</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元</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占める情報通信産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商業、不動産に次ぐ規模。</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年の推移をみ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金額は増加傾向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3" y="1897087"/>
            <a:ext cx="4554253" cy="307777"/>
          </a:xfrm>
          <a:prstGeom prst="rect">
            <a:avLst/>
          </a:prstGeom>
          <a:noFill/>
          <a:ln>
            <a:noFill/>
          </a:ln>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経済活動別の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構成（全国</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84984" y="1908121"/>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情報通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産業の実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011573" y="2173108"/>
            <a:ext cx="735112" cy="230832"/>
          </a:xfrm>
          <a:prstGeom prst="rect">
            <a:avLst/>
          </a:prstGeom>
          <a:noFill/>
        </p:spPr>
        <p:txBody>
          <a:bodyPr wrap="square" rtlCol="0">
            <a:spAutoFit/>
          </a:bodyPr>
          <a:lstStyle/>
          <a:p>
            <a:r>
              <a:rPr lang="ja-JP" altLang="en-US" sz="9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lang="en-US" altLang="ja-JP" sz="900" dirty="0" smtClean="0">
                <a:latin typeface="ＭＳ Ｐゴシック" panose="020B0600070205080204" pitchFamily="50" charset="-128"/>
                <a:ea typeface="ＭＳ Ｐゴシック" panose="020B0600070205080204" pitchFamily="50" charset="-128"/>
                <a:cs typeface="Meiryo UI" panose="020B0604030504040204" pitchFamily="50" charset="-128"/>
              </a:rPr>
              <a:t>10</a:t>
            </a:r>
            <a:r>
              <a:rPr lang="ja-JP" altLang="en-US" sz="900" dirty="0" smtClean="0">
                <a:latin typeface="ＭＳ Ｐゴシック" panose="020B0600070205080204" pitchFamily="50" charset="-128"/>
                <a:ea typeface="ＭＳ Ｐゴシック" panose="020B0600070205080204" pitchFamily="50" charset="-128"/>
                <a:cs typeface="Meiryo UI" panose="020B0604030504040204" pitchFamily="50" charset="-128"/>
              </a:rPr>
              <a:t>億円）</a:t>
            </a:r>
            <a:endParaRPr lang="en-US" altLang="ja-JP" sz="9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Tree>
    <p:extLst>
      <p:ext uri="{BB962C8B-B14F-4D97-AF65-F5344CB8AC3E}">
        <p14:creationId xmlns:p14="http://schemas.microsoft.com/office/powerpoint/2010/main" val="607656717"/>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59603" y="457523"/>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　情報</a:t>
            </a:r>
            <a:r>
              <a:rPr lang="ja-JP" altLang="en-US" dirty="0">
                <a:latin typeface="Meiryo UI" panose="020B0604030504040204" pitchFamily="50" charset="-128"/>
                <a:ea typeface="Meiryo UI" panose="020B0604030504040204" pitchFamily="50" charset="-128"/>
                <a:cs typeface="Meiryo UI" panose="020B0604030504040204" pitchFamily="50" charset="-128"/>
              </a:rPr>
              <a:t>通信業の都道府県別事業所数及び</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従業者数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extLst/>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3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9,37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1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0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60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8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89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2,38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40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4"/>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00</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1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55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96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種とは、「ソフトウェア業」、「情報処理・提供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5</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と比較す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76277505"/>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6</a:t>
            </a:fld>
            <a:endParaRPr lang="ja-JP" altLang="en-US" dirty="0"/>
          </a:p>
        </p:txBody>
      </p:sp>
      <p:sp>
        <p:nvSpPr>
          <p:cNvPr id="21" name="正方形/長方形 10"/>
          <p:cNvSpPr>
            <a:spLocks noChangeArrowheads="1"/>
          </p:cNvSpPr>
          <p:nvPr/>
        </p:nvSpPr>
        <p:spPr bwMode="auto">
          <a:xfrm>
            <a:off x="36005" y="476673"/>
            <a:ext cx="896448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国内民間企業の情報化投資</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令和元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50531"/>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民間企業における情報化投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占め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ピークに、直近は減少しているものの、全体的には右肩上がりで推移。</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07504" y="1742619"/>
            <a:ext cx="230425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8532440" y="1792746"/>
            <a:ext cx="71169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1693904649"/>
              </p:ext>
            </p:extLst>
          </p:nvPr>
        </p:nvGraphicFramePr>
        <p:xfrm>
          <a:off x="0" y="1988840"/>
          <a:ext cx="9036496" cy="502004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193777567"/>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465682"/>
            <a:ext cx="896448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関西の</a:t>
            </a:r>
            <a:r>
              <a:rPr lang="en-US" altLang="ja-JP"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dirty="0">
                <a:latin typeface="Meiryo UI" panose="020B0604030504040204" pitchFamily="50" charset="-128"/>
                <a:ea typeface="Meiryo UI" panose="020B0604030504040204" pitchFamily="50" charset="-128"/>
                <a:cs typeface="Meiryo UI" panose="020B0604030504040204" pitchFamily="50" charset="-128"/>
              </a:rPr>
              <a:t>導入の現状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課題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商工会議所「製造現場におけ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用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107504" y="112474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中堅・中小企業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6.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オープンネットワークなど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の活用に関心を示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活用による「生産工程、生産ラインの効率化」に期待する企業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1.2%</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2.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企業の工場等の機械はネットワーク等でつながっておらず、「メリット・費用対効果</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分かりにくさ」</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社内人材の乏しさ」を導入の障壁と考えている企業が多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251520" y="2204864"/>
            <a:ext cx="7272808" cy="646331"/>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調査対象：近畿</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商工会議所の中堅・中小企業会員（製造業・資本金</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以下）のうち</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6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有効回答数（回答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3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9.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278092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ＩＴ技術活用の関心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4644008" y="4561383"/>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を活用する上での障害</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4589748" y="262287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工場等の生産設備（機械）の「つながり」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35496" y="4528865"/>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活用により期待するも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7</a:t>
            </a:fld>
            <a:endParaRPr lang="ja-JP" altLang="en-US" b="1" dirty="0"/>
          </a:p>
        </p:txBody>
      </p:sp>
      <p:pic>
        <p:nvPicPr>
          <p:cNvPr id="3" name="図 2"/>
          <p:cNvPicPr>
            <a:picLocks noChangeAspect="1"/>
          </p:cNvPicPr>
          <p:nvPr/>
        </p:nvPicPr>
        <p:blipFill>
          <a:blip r:embed="rId2"/>
          <a:stretch>
            <a:fillRect/>
          </a:stretch>
        </p:blipFill>
        <p:spPr>
          <a:xfrm>
            <a:off x="-310972" y="2836139"/>
            <a:ext cx="9455716" cy="4121253"/>
          </a:xfrm>
          <a:prstGeom prst="rect">
            <a:avLst/>
          </a:prstGeom>
        </p:spPr>
      </p:pic>
    </p:spTree>
    <p:extLst>
      <p:ext uri="{BB962C8B-B14F-4D97-AF65-F5344CB8AC3E}">
        <p14:creationId xmlns:p14="http://schemas.microsoft.com/office/powerpoint/2010/main" val="3302286175"/>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20340" y="2134017"/>
            <a:ext cx="8648773"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地域に本社を置く</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0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企業・団体を対象にしたアンケート調査。</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製造業、建設業、運輸業、医療・介護福祉業、宿泊飲食業から売上高上位の企業・団体を選定。製造業の比率を全体の</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して実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0"/>
          <p:cNvSpPr>
            <a:spLocks noChangeArrowheads="1"/>
          </p:cNvSpPr>
          <p:nvPr/>
        </p:nvSpPr>
        <p:spPr bwMode="auto">
          <a:xfrm>
            <a:off x="107504" y="466562"/>
            <a:ext cx="8964486" cy="6155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におけるロボットの導入状況</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社）</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械工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会「平成</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関西地域の産業におけるロボット導入状況と今後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分野</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関する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111865"/>
            <a:ext cx="8928992" cy="10609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を導入した企業のうち</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以上が「生産性の向上」を目的としており、導入企業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近くが「効果があった」と回答。</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手不足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高まる中で、今後、大阪の中小企業でロボットの普及が進めば生産性向上に大きく貢献することが期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98</a:t>
            </a:fld>
            <a:endParaRPr lang="ja-JP" altLang="en-US" b="1" dirty="0"/>
          </a:p>
        </p:txBody>
      </p:sp>
      <p:pic>
        <p:nvPicPr>
          <p:cNvPr id="2050" name="Picture 2"/>
          <p:cNvPicPr>
            <a:picLocks noChangeAspect="1" noChangeArrowheads="1"/>
          </p:cNvPicPr>
          <p:nvPr/>
        </p:nvPicPr>
        <p:blipFill>
          <a:blip r:embed="rId2" cstate="print">
            <a:extLst>
              <a:ext uri="{BEBA8EAE-BF5A-486C-A8C5-ECC9F3942E4B}">
                <a14:imgProps xmlns:a14="http://schemas.microsoft.com/office/drawing/2010/main">
                  <a14:imgLayer r:embed="rId3">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1" y="2581438"/>
            <a:ext cx="4464495" cy="22356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0" y="4869160"/>
            <a:ext cx="4237781" cy="19983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6" cstate="print">
            <a:extLst>
              <a:ext uri="{BEBA8EAE-BF5A-486C-A8C5-ECC9F3942E4B}">
                <a14:imgProps xmlns:a14="http://schemas.microsoft.com/office/drawing/2010/main">
                  <a14:imgLayer r:embed="rId7">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940152" y="4817136"/>
            <a:ext cx="1979383" cy="20105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076056" y="2577083"/>
            <a:ext cx="3449274" cy="22203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320164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41235</Words>
  <PresentationFormat>画面に合わせる (4:3)</PresentationFormat>
  <Paragraphs>6575</Paragraphs>
  <Slides>151</Slides>
  <Notes>132</Notes>
  <HiddenSlides>0</HiddenSlides>
  <MMClips>0</MMClips>
  <ScaleCrop>false</ScaleCrop>
  <HeadingPairs>
    <vt:vector size="8" baseType="variant">
      <vt:variant>
        <vt:lpstr>使用されているフォント</vt:lpstr>
      </vt:variant>
      <vt:variant>
        <vt:i4>18</vt:i4>
      </vt:variant>
      <vt:variant>
        <vt:lpstr>テーマ</vt:lpstr>
      </vt:variant>
      <vt:variant>
        <vt:i4>1</vt:i4>
      </vt:variant>
      <vt:variant>
        <vt:lpstr>埋め込まれた OLE サーバー</vt:lpstr>
      </vt:variant>
      <vt:variant>
        <vt:i4>1</vt:i4>
      </vt:variant>
      <vt:variant>
        <vt:lpstr>スライド タイトル</vt:lpstr>
      </vt:variant>
      <vt:variant>
        <vt:i4>151</vt:i4>
      </vt:variant>
    </vt:vector>
  </HeadingPairs>
  <TitlesOfParts>
    <vt:vector size="171" baseType="lpstr">
      <vt:lpstr>Arial Unicode MS</vt:lpstr>
      <vt:lpstr>HGPｺﾞｼｯｸE</vt:lpstr>
      <vt:lpstr>HGPｺﾞｼｯｸM</vt:lpstr>
      <vt:lpstr>HGSｺﾞｼｯｸM</vt:lpstr>
      <vt:lpstr>HGS創英角ｺﾞｼｯｸUB</vt:lpstr>
      <vt:lpstr>Meiryo UI</vt:lpstr>
      <vt:lpstr>ＭＳ Ｐゴシック</vt:lpstr>
      <vt:lpstr>ＭＳ ゴシック</vt:lpstr>
      <vt:lpstr>ＭＳ 明朝</vt:lpstr>
      <vt:lpstr>メイリオ</vt:lpstr>
      <vt:lpstr>Yu Gothic</vt:lpstr>
      <vt:lpstr>游明朝</vt:lpstr>
      <vt:lpstr>Arial</vt:lpstr>
      <vt:lpstr>Calibri</vt:lpstr>
      <vt:lpstr>Century</vt:lpstr>
      <vt:lpstr>Courier New</vt:lpstr>
      <vt:lpstr>Times New Roman</vt:lpstr>
      <vt:lpstr>Wingdings</vt:lpstr>
      <vt:lpstr>Office テーマ</vt:lpstr>
      <vt:lpstr>ワークシート</vt:lpstr>
      <vt:lpstr>データでみる「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dcterms:created xsi:type="dcterms:W3CDTF">2016-05-16T05:07:20Z</dcterms:created>
  <dcterms:modified xsi:type="dcterms:W3CDTF">2021-01-19T02:12:05Z</dcterms:modified>
</cp:coreProperties>
</file>